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5"/>
  </p:sldMasterIdLst>
  <p:notesMasterIdLst>
    <p:notesMasterId r:id="rId10"/>
  </p:notesMasterIdLst>
  <p:handoutMasterIdLst>
    <p:handoutMasterId r:id="rId11"/>
  </p:handoutMasterIdLst>
  <p:sldIdLst>
    <p:sldId id="283" r:id="rId6"/>
    <p:sldId id="284" r:id="rId7"/>
    <p:sldId id="263" r:id="rId8"/>
    <p:sldId id="264" r:id="rId9"/>
  </p:sldIdLst>
  <p:sldSz cx="12192000" cy="6858000"/>
  <p:notesSz cx="6797675" cy="9926638"/>
  <p:embeddedFontLst>
    <p:embeddedFont>
      <p:font typeface="Assistant" pitchFamily="2" charset="-79"/>
      <p:regular r:id="rId12"/>
      <p:bold r:id="rId13"/>
    </p:embeddedFont>
    <p:embeddedFont>
      <p:font typeface="Montserrat ExtraBold" panose="00000900000000000000" pitchFamily="2" charset="0"/>
      <p:bold r:id="rId14"/>
      <p:boldItalic r:id="rId15"/>
    </p:embeddedFont>
    <p:embeddedFont>
      <p:font typeface="Montserrat SemiBold" panose="00000700000000000000" pitchFamily="2" charset="0"/>
      <p:bold r:id="rId16"/>
      <p:boldItalic r:id="rId17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3162" autoAdjust="0"/>
  </p:normalViewPr>
  <p:slideViewPr>
    <p:cSldViewPr snapToGrid="0" showGuides="1">
      <p:cViewPr varScale="1">
        <p:scale>
          <a:sx n="118" d="100"/>
          <a:sy n="118" d="100"/>
        </p:scale>
        <p:origin x="198" y="102"/>
      </p:cViewPr>
      <p:guideLst/>
    </p:cSldViewPr>
  </p:slideViewPr>
  <p:notesTextViewPr>
    <p:cViewPr>
      <p:scale>
        <a:sx n="100" d="100"/>
        <a:sy n="100" d="100"/>
      </p:scale>
      <p:origin x="0" y="-378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898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font" Target="fonts/font2.fntdata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" Target="slides/slide2.xml"/><Relationship Id="rId12" Type="http://schemas.openxmlformats.org/officeDocument/2006/relationships/font" Target="fonts/font1.fntdata"/><Relationship Id="rId17" Type="http://schemas.openxmlformats.org/officeDocument/2006/relationships/font" Target="fonts/font6.fntdata"/><Relationship Id="rId2" Type="http://schemas.openxmlformats.org/officeDocument/2006/relationships/customXml" Target="../customXml/item2.xml"/><Relationship Id="rId16" Type="http://schemas.openxmlformats.org/officeDocument/2006/relationships/font" Target="fonts/font5.fntdata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handoutMaster" Target="handoutMasters/handoutMaster1.xml"/><Relationship Id="rId5" Type="http://schemas.openxmlformats.org/officeDocument/2006/relationships/slideMaster" Target="slideMasters/slideMaster1.xml"/><Relationship Id="rId15" Type="http://schemas.openxmlformats.org/officeDocument/2006/relationships/font" Target="fonts/font4.fntdata"/><Relationship Id="rId10" Type="http://schemas.openxmlformats.org/officeDocument/2006/relationships/notesMaster" Target="notesMasters/notesMaster1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font" Target="fonts/font3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47C155-9CB6-499B-AC57-D300D571700B}" type="datetime1">
              <a:rPr lang="en-GB" smtClean="0"/>
              <a:t>29/03/2023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3C03291D-E9A4-4836-A1EE-06947928841B}" type="datetime1">
              <a:rPr lang="en-GB" smtClean="0"/>
              <a:t>29/03/2023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29/03/2023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5399998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Bygger på den nationale demenshandlingsplan – ”Et trygt og værdigt liv med demens 2025” samt kommunens tilgang med personcentreret omsorg (anbefalinger fra SST og Socialstyrelsen)</a:t>
            </a:r>
          </a:p>
          <a:p>
            <a:endParaRPr lang="da-DK" dirty="0"/>
          </a:p>
          <a:p>
            <a:r>
              <a:rPr lang="da-DK" dirty="0"/>
              <a:t>Desuden er 2030 målene og værdighedspolitikken indtænkt </a:t>
            </a:r>
            <a:r>
              <a:rPr lang="da-DK"/>
              <a:t>i handlingsplanen.</a:t>
            </a:r>
          </a:p>
          <a:p>
            <a:endParaRPr lang="da-DK" dirty="0"/>
          </a:p>
          <a:p>
            <a:r>
              <a:rPr lang="da-DK" dirty="0"/>
              <a:t>Fokusområde 2 – Bedre kvalitet i pleje, omsorg og rehabilitering</a:t>
            </a:r>
          </a:p>
          <a:p>
            <a:endParaRPr lang="da-DK" dirty="0"/>
          </a:p>
          <a:p>
            <a:r>
              <a:rPr lang="da-DK" dirty="0"/>
              <a:t>Fokusområde 3 – Støtte og rådgivning til pårørende til mennesker med demens</a:t>
            </a:r>
          </a:p>
          <a:p>
            <a:endParaRPr lang="da-DK" dirty="0"/>
          </a:p>
          <a:p>
            <a:r>
              <a:rPr lang="da-DK" dirty="0"/>
              <a:t>Fokusområde 4 – Demensvenlige samfund og boliger</a:t>
            </a:r>
          </a:p>
          <a:p>
            <a:endParaRPr lang="da-DK" dirty="0"/>
          </a:p>
          <a:p>
            <a:r>
              <a:rPr lang="da-DK" dirty="0"/>
              <a:t>Fokusområde 5 – Øget videns- og kompetenceniveau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29/03/2023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6238873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Det første fokus er på kompetencer og organisering som fundamentet for de borgerrettede og pårørenderettede indsatser. Derfor vægtes fordelingen af indsatser som beskrevet.</a:t>
            </a:r>
          </a:p>
          <a:p>
            <a:endParaRPr lang="da-DK" dirty="0"/>
          </a:p>
          <a:p>
            <a:r>
              <a:rPr lang="da-DK" dirty="0"/>
              <a:t>De borger og pårørende indsatser er vores kerneopgaver og de kræver et solidt fundament.</a:t>
            </a:r>
          </a:p>
          <a:p>
            <a:endParaRPr lang="da-DK" dirty="0"/>
          </a:p>
          <a:p>
            <a:r>
              <a:rPr lang="da-DK" dirty="0"/>
              <a:t>Det er en dynamisk handlingsplan der arbejder med flere indsatser over tid og ikke kun i de beskrevne år.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29/03/2023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9178449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2030 mål:</a:t>
            </a:r>
          </a:p>
          <a:p>
            <a:endParaRPr lang="da-DK" dirty="0"/>
          </a:p>
          <a:p>
            <a:r>
              <a:rPr lang="da-DK" dirty="0"/>
              <a:t>Øget sundhed</a:t>
            </a:r>
          </a:p>
          <a:p>
            <a:endParaRPr lang="da-DK" dirty="0"/>
          </a:p>
          <a:p>
            <a:r>
              <a:rPr lang="da-DK" dirty="0"/>
              <a:t>Tryg ældrepleje</a:t>
            </a:r>
          </a:p>
          <a:p>
            <a:endParaRPr lang="da-DK" dirty="0"/>
          </a:p>
          <a:p>
            <a:r>
              <a:rPr lang="da-DK"/>
              <a:t>Civilsamfund</a:t>
            </a:r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29/03/2023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260114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7" Type="http://schemas.openxmlformats.org/officeDocument/2006/relationships/image" Target="../media/image11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E03AA1A-E061-46E0-A0B0-791EE9A9CB13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3E789A96-6EC3-46AD-9228-96AAE1E63CB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 bwMode="black">
          <a:xfrm>
            <a:off x="8947028" y="5908796"/>
            <a:ext cx="1615510" cy="502365"/>
          </a:xfrm>
          <a:prstGeom prst="rect">
            <a:avLst/>
          </a:prstGeom>
        </p:spPr>
      </p:pic>
      <p:pic>
        <p:nvPicPr>
          <p:cNvPr id="10" name="Bølge">
            <a:extLst>
              <a:ext uri="{FF2B5EF4-FFF2-40B4-BE49-F238E27FC236}">
                <a16:creationId xmlns:a16="http://schemas.microsoft.com/office/drawing/2014/main" id="{844DAE6A-012C-4307-8320-6D9BD0D9D974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7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95">
                <a:solidFill>
                  <a:schemeClr val="accent5"/>
                </a:solidFill>
              </a:defRPr>
            </a:lvl1pPr>
          </a:lstStyle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 tIns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38" userDrawn="1">
          <p15:clr>
            <a:srgbClr val="F26B43"/>
          </p15:clr>
        </p15:guide>
        <p15:guide id="2" orient="horz" pos="1842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3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F2C96D14-E7BA-4836-A439-3BC5869DACF5}"/>
              </a:ext>
            </a:extLst>
          </p:cNvPr>
          <p:cNvSpPr txBox="1"/>
          <p:nvPr userDrawn="1"/>
        </p:nvSpPr>
        <p:spPr>
          <a:xfrm>
            <a:off x="19664" y="6904800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98114CD-897A-46B0-A9D9-3351AFE55FA9}"/>
              </a:ext>
            </a:extLst>
          </p:cNvPr>
          <p:cNvSpPr txBox="1"/>
          <p:nvPr userDrawn="1"/>
        </p:nvSpPr>
        <p:spPr>
          <a:xfrm>
            <a:off x="10391" y="-237841"/>
            <a:ext cx="7985033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3" name="Billedepladsholder">
            <a:extLst>
              <a:ext uri="{FF2B5EF4-FFF2-40B4-BE49-F238E27FC236}">
                <a16:creationId xmlns:a16="http://schemas.microsoft.com/office/drawing/2014/main" id="{649AB22E-D649-49BA-9454-8E6419ECC78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3200" cy="2527300"/>
          </a:xfrm>
          <a:prstGeom prst="rect">
            <a:avLst/>
          </a:prstGeom>
          <a:noFill/>
        </p:spPr>
        <p:txBody>
          <a:bodyPr wrap="square" lIns="0" tIns="648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0" y="2930874"/>
            <a:ext cx="3024000" cy="2699209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FFE1C44D-89EC-4C4E-B86F-F5A11556B02D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583456" y="2930874"/>
            <a:ext cx="3024000" cy="269920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4F38662-B2A0-40D9-88F7-79E3914812AA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086913" y="2930874"/>
            <a:ext cx="3024000" cy="26984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9A51D51C-0A75-4759-A1DC-E03EA19B76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1A30CF4-635E-4913-B8C9-E24AADFEC70C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9C21B955-D3EA-48BD-A3E1-CDAC17A5F7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1C405B7-FAC3-49D3-B550-60A333DE999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339046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4" userDrawn="1">
          <p15:clr>
            <a:srgbClr val="F26B43"/>
          </p15:clr>
        </p15:guide>
        <p15:guide id="2" pos="2586" userDrawn="1">
          <p15:clr>
            <a:srgbClr val="F26B43"/>
          </p15:clr>
        </p15:guide>
        <p15:guide id="3" pos="4793" userDrawn="1">
          <p15:clr>
            <a:srgbClr val="F26B43"/>
          </p15:clr>
        </p15:guide>
        <p15:guide id="4" pos="5094" userDrawn="1">
          <p15:clr>
            <a:srgbClr val="F26B43"/>
          </p15:clr>
        </p15:guide>
        <p15:guide id="5" orient="horz" pos="1845" userDrawn="1">
          <p15:clr>
            <a:srgbClr val="F26B43"/>
          </p15:clr>
        </p15:guide>
        <p15:guide id="6" orient="horz" pos="1594" userDrawn="1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, Titel og 1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BB5759C3-7F22-4CFF-B3C3-ECEEB068CCFE}"/>
              </a:ext>
            </a:extLst>
          </p:cNvPr>
          <p:cNvSpPr txBox="1"/>
          <p:nvPr userDrawn="1"/>
        </p:nvSpPr>
        <p:spPr>
          <a:xfrm>
            <a:off x="19664" y="6904800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FF8D961-7B2C-4465-A2BB-2B595E2F01E2}"/>
              </a:ext>
            </a:extLst>
          </p:cNvPr>
          <p:cNvSpPr txBox="1"/>
          <p:nvPr userDrawn="1"/>
        </p:nvSpPr>
        <p:spPr>
          <a:xfrm>
            <a:off x="10391" y="-237841"/>
            <a:ext cx="7762009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7" name="Billedepladsholder">
            <a:extLst>
              <a:ext uri="{FF2B5EF4-FFF2-40B4-BE49-F238E27FC236}">
                <a16:creationId xmlns:a16="http://schemas.microsoft.com/office/drawing/2014/main" id="{0BAB93EC-C178-4AAB-92EC-63A0BA67B31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3200" cy="2527300"/>
          </a:xfrm>
          <a:prstGeom prst="rect">
            <a:avLst/>
          </a:prstGeom>
          <a:noFill/>
        </p:spPr>
        <p:txBody>
          <a:bodyPr wrap="square" lIns="0" tIns="648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7434774-8FF1-4896-800B-8BA189F6B7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2660073"/>
            <a:ext cx="10031999" cy="729262"/>
          </a:xfrm>
        </p:spPr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8E666FB-6277-4B54-B606-F5C439C348F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80000" y="3793320"/>
            <a:ext cx="10031999" cy="1835956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17D5F2A-D1FA-4CF9-943C-ACB5DA64391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20A2BB0-6463-4A05-8E15-FCAE95214DB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E0B47EA-787A-425B-B43B-FA402FE7020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752934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87" userDrawn="1">
          <p15:clr>
            <a:srgbClr val="F26B43"/>
          </p15:clr>
        </p15:guide>
        <p15:guide id="2" orient="horz" pos="2140" userDrawn="1">
          <p15:clr>
            <a:srgbClr val="F26B43"/>
          </p15:clr>
        </p15:guide>
        <p15:guide id="3" orient="horz" pos="1674" userDrawn="1">
          <p15:clr>
            <a:srgbClr val="F26B43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2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0C7272EE-2D76-4C34-A874-A41591C20FA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4105275" cy="6858000"/>
          </a:xfrm>
          <a:custGeom>
            <a:avLst/>
            <a:gdLst>
              <a:gd name="connsiteX0" fmla="*/ 0 w 4105275"/>
              <a:gd name="connsiteY0" fmla="*/ 0 h 6858000"/>
              <a:gd name="connsiteX1" fmla="*/ 4105275 w 4105275"/>
              <a:gd name="connsiteY1" fmla="*/ 0 h 6858000"/>
              <a:gd name="connsiteX2" fmla="*/ 4105275 w 4105275"/>
              <a:gd name="connsiteY2" fmla="*/ 6339652 h 6858000"/>
              <a:gd name="connsiteX3" fmla="*/ 4088356 w 4105275"/>
              <a:gd name="connsiteY3" fmla="*/ 6336704 h 6858000"/>
              <a:gd name="connsiteX4" fmla="*/ 3162541 w 4105275"/>
              <a:gd name="connsiteY4" fmla="*/ 6178377 h 6858000"/>
              <a:gd name="connsiteX5" fmla="*/ 2837421 w 4105275"/>
              <a:gd name="connsiteY5" fmla="*/ 6123344 h 6858000"/>
              <a:gd name="connsiteX6" fmla="*/ 2828108 w 4105275"/>
              <a:gd name="connsiteY6" fmla="*/ 6121778 h 6858000"/>
              <a:gd name="connsiteX7" fmla="*/ 1221304 w 4105275"/>
              <a:gd name="connsiteY7" fmla="*/ 5889453 h 6858000"/>
              <a:gd name="connsiteX8" fmla="*/ 834 w 4105275"/>
              <a:gd name="connsiteY8" fmla="*/ 5970140 h 6858000"/>
              <a:gd name="connsiteX9" fmla="*/ 834 w 4105275"/>
              <a:gd name="connsiteY9" fmla="*/ 5983263 h 6858000"/>
              <a:gd name="connsiteX10" fmla="*/ 801527 w 4105275"/>
              <a:gd name="connsiteY10" fmla="*/ 5883949 h 6858000"/>
              <a:gd name="connsiteX11" fmla="*/ 1219102 w 4105275"/>
              <a:gd name="connsiteY11" fmla="*/ 5901856 h 6858000"/>
              <a:gd name="connsiteX12" fmla="*/ 2825864 w 4105275"/>
              <a:gd name="connsiteY12" fmla="*/ 6134054 h 6858000"/>
              <a:gd name="connsiteX13" fmla="*/ 3160298 w 4105275"/>
              <a:gd name="connsiteY13" fmla="*/ 6190781 h 6858000"/>
              <a:gd name="connsiteX14" fmla="*/ 4082017 w 4105275"/>
              <a:gd name="connsiteY14" fmla="*/ 6348335 h 6858000"/>
              <a:gd name="connsiteX15" fmla="*/ 4105275 w 4105275"/>
              <a:gd name="connsiteY15" fmla="*/ 6352388 h 6858000"/>
              <a:gd name="connsiteX16" fmla="*/ 4105275 w 4105275"/>
              <a:gd name="connsiteY16" fmla="*/ 6858000 h 6858000"/>
              <a:gd name="connsiteX17" fmla="*/ 0 w 4105275"/>
              <a:gd name="connsiteY1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05275" h="6858000">
                <a:moveTo>
                  <a:pt x="0" y="0"/>
                </a:moveTo>
                <a:lnTo>
                  <a:pt x="4105275" y="0"/>
                </a:lnTo>
                <a:lnTo>
                  <a:pt x="4105275" y="6339652"/>
                </a:lnTo>
                <a:lnTo>
                  <a:pt x="4088356" y="6336704"/>
                </a:lnTo>
                <a:cubicBezTo>
                  <a:pt x="3798356" y="6286412"/>
                  <a:pt x="3490159" y="6233517"/>
                  <a:pt x="3162541" y="6178377"/>
                </a:cubicBezTo>
                <a:cubicBezTo>
                  <a:pt x="3051148" y="6159638"/>
                  <a:pt x="2942775" y="6141293"/>
                  <a:pt x="2837421" y="6123344"/>
                </a:cubicBezTo>
                <a:lnTo>
                  <a:pt x="2828108" y="6121778"/>
                </a:lnTo>
                <a:cubicBezTo>
                  <a:pt x="2212581" y="6017003"/>
                  <a:pt x="1680874" y="5926537"/>
                  <a:pt x="1221304" y="5889453"/>
                </a:cubicBezTo>
                <a:cubicBezTo>
                  <a:pt x="727570" y="5849659"/>
                  <a:pt x="340262" y="5875144"/>
                  <a:pt x="834" y="5970140"/>
                </a:cubicBezTo>
                <a:lnTo>
                  <a:pt x="834" y="5983263"/>
                </a:lnTo>
                <a:cubicBezTo>
                  <a:pt x="237901" y="5916419"/>
                  <a:pt x="497912" y="5883949"/>
                  <a:pt x="801527" y="5883949"/>
                </a:cubicBezTo>
                <a:cubicBezTo>
                  <a:pt x="932125" y="5883949"/>
                  <a:pt x="1070767" y="5889961"/>
                  <a:pt x="1219102" y="5901856"/>
                </a:cubicBezTo>
                <a:cubicBezTo>
                  <a:pt x="1678589" y="5938813"/>
                  <a:pt x="2210253" y="6029280"/>
                  <a:pt x="2825864" y="6134054"/>
                </a:cubicBezTo>
                <a:cubicBezTo>
                  <a:pt x="2933899" y="6152484"/>
                  <a:pt x="3045377" y="6171392"/>
                  <a:pt x="3160298" y="6190781"/>
                </a:cubicBezTo>
                <a:cubicBezTo>
                  <a:pt x="3485609" y="6245412"/>
                  <a:pt x="3792631" y="6298128"/>
                  <a:pt x="4082017" y="6348335"/>
                </a:cubicBezTo>
                <a:lnTo>
                  <a:pt x="4105275" y="6352388"/>
                </a:lnTo>
                <a:lnTo>
                  <a:pt x="4105275" y="6858000"/>
                </a:lnTo>
                <a:lnTo>
                  <a:pt x="0" y="6858000"/>
                </a:lnTo>
                <a:close/>
              </a:path>
            </a:pathLst>
          </a:custGeom>
          <a:noFill/>
        </p:spPr>
        <p:txBody>
          <a:bodyPr wrap="square" lIns="0" tIns="108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7CD6D9-7F9D-4461-876A-4F2E2E20D8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82800" y="1337187"/>
            <a:ext cx="6529200" cy="1189703"/>
          </a:xfrm>
        </p:spPr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82800" y="2929274"/>
            <a:ext cx="3024000" cy="2700000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FFE1C44D-89EC-4C4E-B86F-F5A11556B02D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085600" y="2929274"/>
            <a:ext cx="3024000" cy="270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F72240A-47AC-44E8-AA37-14D69DD79E3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82801" y="308254"/>
            <a:ext cx="3026088" cy="983421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 i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billedtekst</a:t>
            </a:r>
            <a:endParaRPr lang="da-DK"/>
          </a:p>
          <a:p>
            <a:pPr lvl="1"/>
            <a:r>
              <a:rPr lang="da-DK" noProof="0" dirty="0"/>
              <a:t>2</a:t>
            </a:r>
            <a:endParaRPr lang="da-DK"/>
          </a:p>
          <a:p>
            <a:pPr lvl="2"/>
            <a:r>
              <a:rPr lang="da-DK" noProof="0" dirty="0"/>
              <a:t>3</a:t>
            </a:r>
            <a:endParaRPr lang="da-DK"/>
          </a:p>
          <a:p>
            <a:pPr lvl="3"/>
            <a:r>
              <a:rPr lang="da-DK" noProof="0" dirty="0"/>
              <a:t>4</a:t>
            </a:r>
            <a:endParaRPr lang="da-DK"/>
          </a:p>
          <a:p>
            <a:pPr lvl="4"/>
            <a:r>
              <a:rPr lang="da-DK" noProof="0" dirty="0"/>
              <a:t>5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9A51D51C-0A75-4759-A1DC-E03EA19B76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AB7D2C5-A47E-4877-891D-360A2D9718CF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9C21B955-D3EA-48BD-A3E1-CDAC17A5F7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1C405B7-FAC3-49D3-B550-60A333DE999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58AD0D3-EB85-4EF9-824F-500F8BA4E4B6}"/>
              </a:ext>
            </a:extLst>
          </p:cNvPr>
          <p:cNvSpPr txBox="1"/>
          <p:nvPr userDrawn="1"/>
        </p:nvSpPr>
        <p:spPr>
          <a:xfrm>
            <a:off x="4578350" y="6904800"/>
            <a:ext cx="6747651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D040ADB-9976-400A-B907-3FAE68756053}"/>
              </a:ext>
            </a:extLst>
          </p:cNvPr>
          <p:cNvSpPr txBox="1"/>
          <p:nvPr userDrawn="1"/>
        </p:nvSpPr>
        <p:spPr>
          <a:xfrm>
            <a:off x="10391" y="-237841"/>
            <a:ext cx="7695102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773308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4" userDrawn="1">
          <p15:clr>
            <a:srgbClr val="F26B43"/>
          </p15:clr>
        </p15:guide>
        <p15:guide id="2" pos="2586" userDrawn="1">
          <p15:clr>
            <a:srgbClr val="F26B43"/>
          </p15:clr>
        </p15:guide>
        <p15:guide id="3" pos="4793" userDrawn="1">
          <p15:clr>
            <a:srgbClr val="F26B43"/>
          </p15:clr>
        </p15:guide>
        <p15:guide id="4" pos="5094" userDrawn="1">
          <p15:clr>
            <a:srgbClr val="F26B43"/>
          </p15:clr>
        </p15:guide>
        <p15:guide id="5" orient="horz" pos="1597" userDrawn="1">
          <p15:clr>
            <a:srgbClr val="F26B43"/>
          </p15:clr>
        </p15:guide>
        <p15:guide id="6" orient="horz" pos="1842" userDrawn="1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Box 6">
            <a:extLst>
              <a:ext uri="{FF2B5EF4-FFF2-40B4-BE49-F238E27FC236}">
                <a16:creationId xmlns:a16="http://schemas.microsoft.com/office/drawing/2014/main" id="{47291E90-691B-4D4F-8183-182A892F5AC6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766002"/>
            <a:ext cx="10031999" cy="701210"/>
          </a:xfrm>
        </p:spPr>
        <p:txBody>
          <a:bodyPr anchor="t" anchorCtr="0"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0" y="1467212"/>
            <a:ext cx="10031999" cy="4162871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25" userDrawn="1">
          <p15:clr>
            <a:srgbClr val="F26B43"/>
          </p15:clr>
        </p15:guide>
        <p15:guide id="2" orient="horz" pos="480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(venstre) og teks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6240462" y="0"/>
            <a:ext cx="5952737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5" name="Bølge">
            <a:extLst>
              <a:ext uri="{FF2B5EF4-FFF2-40B4-BE49-F238E27FC236}">
                <a16:creationId xmlns:a16="http://schemas.microsoft.com/office/drawing/2014/main" id="{D452460B-30A0-4BD0-BD50-149F20DB23AB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8B53107D-E008-40E6-AF6D-9C9EE3E944F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0"/>
            <a:ext cx="6240463" cy="6858000"/>
          </a:xfrm>
          <a:custGeom>
            <a:avLst/>
            <a:gdLst>
              <a:gd name="connsiteX0" fmla="*/ 0 w 6240463"/>
              <a:gd name="connsiteY0" fmla="*/ 0 h 6858000"/>
              <a:gd name="connsiteX1" fmla="*/ 6240463 w 6240463"/>
              <a:gd name="connsiteY1" fmla="*/ 0 h 6858000"/>
              <a:gd name="connsiteX2" fmla="*/ 6240463 w 6240463"/>
              <a:gd name="connsiteY2" fmla="*/ 6709058 h 6858000"/>
              <a:gd name="connsiteX3" fmla="*/ 6193175 w 6240463"/>
              <a:gd name="connsiteY3" fmla="*/ 6701400 h 6858000"/>
              <a:gd name="connsiteX4" fmla="*/ 4904982 w 6240463"/>
              <a:gd name="connsiteY4" fmla="*/ 6479410 h 6858000"/>
              <a:gd name="connsiteX5" fmla="*/ 3162542 w 6240463"/>
              <a:gd name="connsiteY5" fmla="*/ 6178377 h 6858000"/>
              <a:gd name="connsiteX6" fmla="*/ 2837422 w 6240463"/>
              <a:gd name="connsiteY6" fmla="*/ 6123344 h 6858000"/>
              <a:gd name="connsiteX7" fmla="*/ 2828109 w 6240463"/>
              <a:gd name="connsiteY7" fmla="*/ 6121778 h 6858000"/>
              <a:gd name="connsiteX8" fmla="*/ 1221305 w 6240463"/>
              <a:gd name="connsiteY8" fmla="*/ 5889453 h 6858000"/>
              <a:gd name="connsiteX9" fmla="*/ 835 w 6240463"/>
              <a:gd name="connsiteY9" fmla="*/ 5970140 h 6858000"/>
              <a:gd name="connsiteX10" fmla="*/ 835 w 6240463"/>
              <a:gd name="connsiteY10" fmla="*/ 5983263 h 6858000"/>
              <a:gd name="connsiteX11" fmla="*/ 801528 w 6240463"/>
              <a:gd name="connsiteY11" fmla="*/ 5883949 h 6858000"/>
              <a:gd name="connsiteX12" fmla="*/ 1219103 w 6240463"/>
              <a:gd name="connsiteY12" fmla="*/ 5901856 h 6858000"/>
              <a:gd name="connsiteX13" fmla="*/ 2825865 w 6240463"/>
              <a:gd name="connsiteY13" fmla="*/ 6134054 h 6858000"/>
              <a:gd name="connsiteX14" fmla="*/ 3160299 w 6240463"/>
              <a:gd name="connsiteY14" fmla="*/ 6190781 h 6858000"/>
              <a:gd name="connsiteX15" fmla="*/ 4897913 w 6240463"/>
              <a:gd name="connsiteY15" fmla="*/ 6490840 h 6858000"/>
              <a:gd name="connsiteX16" fmla="*/ 4902612 w 6240463"/>
              <a:gd name="connsiteY16" fmla="*/ 6491686 h 6858000"/>
              <a:gd name="connsiteX17" fmla="*/ 6133967 w 6240463"/>
              <a:gd name="connsiteY17" fmla="*/ 6704316 h 6858000"/>
              <a:gd name="connsiteX18" fmla="*/ 6240463 w 6240463"/>
              <a:gd name="connsiteY18" fmla="*/ 6721718 h 6858000"/>
              <a:gd name="connsiteX19" fmla="*/ 6240463 w 6240463"/>
              <a:gd name="connsiteY19" fmla="*/ 6858000 h 6858000"/>
              <a:gd name="connsiteX20" fmla="*/ 0 w 6240463"/>
              <a:gd name="connsiteY20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6240463" h="6858000">
                <a:moveTo>
                  <a:pt x="0" y="0"/>
                </a:moveTo>
                <a:lnTo>
                  <a:pt x="6240463" y="0"/>
                </a:lnTo>
                <a:lnTo>
                  <a:pt x="6240463" y="6709058"/>
                </a:lnTo>
                <a:lnTo>
                  <a:pt x="6193175" y="6701400"/>
                </a:lnTo>
                <a:cubicBezTo>
                  <a:pt x="5806810" y="6637620"/>
                  <a:pt x="5380513" y="6562828"/>
                  <a:pt x="4904982" y="6479410"/>
                </a:cubicBezTo>
                <a:cubicBezTo>
                  <a:pt x="4395331" y="6389959"/>
                  <a:pt x="3817778" y="6288656"/>
                  <a:pt x="3162542" y="6178377"/>
                </a:cubicBezTo>
                <a:cubicBezTo>
                  <a:pt x="3051151" y="6159637"/>
                  <a:pt x="2942777" y="6141293"/>
                  <a:pt x="2837422" y="6123344"/>
                </a:cubicBezTo>
                <a:lnTo>
                  <a:pt x="2828109" y="6121778"/>
                </a:lnTo>
                <a:cubicBezTo>
                  <a:pt x="2212582" y="6017003"/>
                  <a:pt x="1680875" y="5926537"/>
                  <a:pt x="1221305" y="5889453"/>
                </a:cubicBezTo>
                <a:cubicBezTo>
                  <a:pt x="727571" y="5849659"/>
                  <a:pt x="340263" y="5875144"/>
                  <a:pt x="835" y="5970140"/>
                </a:cubicBezTo>
                <a:lnTo>
                  <a:pt x="835" y="5983263"/>
                </a:lnTo>
                <a:cubicBezTo>
                  <a:pt x="237902" y="5916419"/>
                  <a:pt x="497913" y="5883949"/>
                  <a:pt x="801528" y="5883949"/>
                </a:cubicBezTo>
                <a:cubicBezTo>
                  <a:pt x="932126" y="5883949"/>
                  <a:pt x="1070768" y="5889961"/>
                  <a:pt x="1219103" y="5901856"/>
                </a:cubicBezTo>
                <a:cubicBezTo>
                  <a:pt x="1678590" y="5938813"/>
                  <a:pt x="2210254" y="6029280"/>
                  <a:pt x="2825865" y="6134054"/>
                </a:cubicBezTo>
                <a:cubicBezTo>
                  <a:pt x="2933900" y="6152482"/>
                  <a:pt x="3045376" y="6171392"/>
                  <a:pt x="3160299" y="6190781"/>
                </a:cubicBezTo>
                <a:cubicBezTo>
                  <a:pt x="3810920" y="6300043"/>
                  <a:pt x="4388389" y="6401643"/>
                  <a:pt x="4897913" y="6490840"/>
                </a:cubicBezTo>
                <a:lnTo>
                  <a:pt x="4902612" y="6491686"/>
                </a:lnTo>
                <a:cubicBezTo>
                  <a:pt x="5357293" y="6571464"/>
                  <a:pt x="5764201" y="6642859"/>
                  <a:pt x="6133967" y="6704316"/>
                </a:cubicBezTo>
                <a:lnTo>
                  <a:pt x="6240463" y="6721718"/>
                </a:lnTo>
                <a:lnTo>
                  <a:pt x="6240463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360000" tIns="864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EDF58A1D-A54F-4FD1-AE2F-B7CFC0BA644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715125" y="1433513"/>
            <a:ext cx="4395788" cy="4195762"/>
          </a:xfrm>
        </p:spPr>
        <p:txBody>
          <a:bodyPr tIns="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BDEF24E3-66FE-4F2F-A011-50560AEF7DBA}"/>
              </a:ext>
            </a:extLst>
          </p:cNvPr>
          <p:cNvSpPr>
            <a:spLocks noGrp="1"/>
          </p:cNvSpPr>
          <p:nvPr>
            <p:ph type="dt" sz="half" idx="2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29.3.2023</a:t>
            </a:fld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B6F23D79-81CF-4688-882E-E9C9F3776816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7474B9EB-E11C-42BF-89DB-213E3D0EE2D7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91A2BBC-EA22-4F87-B6BE-8065DE374F4D}"/>
              </a:ext>
            </a:extLst>
          </p:cNvPr>
          <p:cNvSpPr txBox="1"/>
          <p:nvPr userDrawn="1"/>
        </p:nvSpPr>
        <p:spPr>
          <a:xfrm>
            <a:off x="6240462" y="6904800"/>
            <a:ext cx="59515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569BE6D-9CFC-41F4-A1AB-6BD295890A59}"/>
              </a:ext>
            </a:extLst>
          </p:cNvPr>
          <p:cNvSpPr txBox="1"/>
          <p:nvPr userDrawn="1"/>
        </p:nvSpPr>
        <p:spPr>
          <a:xfrm>
            <a:off x="10391" y="-237841"/>
            <a:ext cx="7817765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494897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3931" userDrawn="1">
          <p15:clr>
            <a:srgbClr val="F26B43"/>
          </p15:clr>
        </p15:guide>
        <p15:guide id="3" pos="4230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 (højre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2" name="Bølge">
            <a:extLst>
              <a:ext uri="{FF2B5EF4-FFF2-40B4-BE49-F238E27FC236}">
                <a16:creationId xmlns:a16="http://schemas.microsoft.com/office/drawing/2014/main" id="{E016D23C-A3E5-4A5C-9873-A475F293B72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0" name="Picture Placeholder 15">
            <a:extLst>
              <a:ext uri="{FF2B5EF4-FFF2-40B4-BE49-F238E27FC236}">
                <a16:creationId xmlns:a16="http://schemas.microsoft.com/office/drawing/2014/main" id="{ED6FEF3C-882F-49A4-8D99-2EFF11D53F2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419600" y="0"/>
            <a:ext cx="7772400" cy="520065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360000" tIns="864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EDF58A1D-A54F-4FD1-AE2F-B7CFC0BA644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9501" y="1433513"/>
            <a:ext cx="2863661" cy="4195762"/>
          </a:xfrm>
        </p:spPr>
        <p:txBody>
          <a:bodyPr tIns="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BDEF24E3-66FE-4F2F-A011-50560AEF7DBA}"/>
              </a:ext>
            </a:extLst>
          </p:cNvPr>
          <p:cNvSpPr>
            <a:spLocks noGrp="1"/>
          </p:cNvSpPr>
          <p:nvPr>
            <p:ph type="dt" sz="half" idx="2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29.3.2023</a:t>
            </a:fld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B6F23D79-81CF-4688-882E-E9C9F3776816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7474B9EB-E11C-42BF-89DB-213E3D0EE2D7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C10C610-B8C0-478C-B886-DB998BD5AD00}"/>
              </a:ext>
            </a:extLst>
          </p:cNvPr>
          <p:cNvSpPr txBox="1"/>
          <p:nvPr userDrawn="1"/>
        </p:nvSpPr>
        <p:spPr>
          <a:xfrm>
            <a:off x="4419601" y="-237841"/>
            <a:ext cx="7733784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r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413E52F0-8128-4E4F-AA06-50D8F0CA6246}"/>
              </a:ext>
            </a:extLst>
          </p:cNvPr>
          <p:cNvSpPr txBox="1"/>
          <p:nvPr userDrawn="1"/>
        </p:nvSpPr>
        <p:spPr>
          <a:xfrm>
            <a:off x="11151" y="6904800"/>
            <a:ext cx="6747651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05423043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2484" userDrawn="1">
          <p15:clr>
            <a:srgbClr val="F26B43"/>
          </p15:clr>
        </p15:guide>
        <p15:guide id="3" pos="2784" userDrawn="1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ma-ø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2764A67A-7464-48A2-95C3-CE81376C558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F14046D-76A4-4050-8FE9-0AC1D18448CA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7" name="Footer Placeholder 8" hidden="1">
            <a:extLst>
              <a:ext uri="{FF2B5EF4-FFF2-40B4-BE49-F238E27FC236}">
                <a16:creationId xmlns:a16="http://schemas.microsoft.com/office/drawing/2014/main" id="{B9270B08-E350-4667-AB9F-D3D8222042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D60B3A1-D44F-45F7-977E-C629098697FB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F0C6ABB3-2D6D-4067-A145-983686DFA7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4" name="Bølge">
            <a:extLst>
              <a:ext uri="{FF2B5EF4-FFF2-40B4-BE49-F238E27FC236}">
                <a16:creationId xmlns:a16="http://schemas.microsoft.com/office/drawing/2014/main" id="{AA30B32F-DCE9-4831-B411-994E68F1EB94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1" name="Picture Placeholder top">
            <a:extLst>
              <a:ext uri="{FF2B5EF4-FFF2-40B4-BE49-F238E27FC236}">
                <a16:creationId xmlns:a16="http://schemas.microsoft.com/office/drawing/2014/main" id="{F0569BB0-532C-4FA4-A781-E15CBDB9D0CF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7286400" y="0"/>
            <a:ext cx="3600000" cy="2743200"/>
          </a:xfrm>
          <a:solidFill>
            <a:schemeClr val="bg1">
              <a:lumMod val="95000"/>
            </a:schemeClr>
          </a:solidFill>
        </p:spPr>
        <p:txBody>
          <a:bodyPr lIns="180000" tIns="1116000" rIns="180000"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00" b="0" i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2" name="Picture Placeholder bund">
            <a:extLst>
              <a:ext uri="{FF2B5EF4-FFF2-40B4-BE49-F238E27FC236}">
                <a16:creationId xmlns:a16="http://schemas.microsoft.com/office/drawing/2014/main" id="{72554AE4-F732-4B8B-84E8-ED71E58B883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016800" y="4374000"/>
            <a:ext cx="4269600" cy="2484000"/>
          </a:xfrm>
          <a:solidFill>
            <a:schemeClr val="bg1">
              <a:lumMod val="95000"/>
            </a:schemeClr>
          </a:solidFill>
        </p:spPr>
        <p:txBody>
          <a:bodyPr lIns="180000" tIns="1116000" rIns="180000"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00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9" name="Text Placeholder venstre">
            <a:extLst>
              <a:ext uri="{FF2B5EF4-FFF2-40B4-BE49-F238E27FC236}">
                <a16:creationId xmlns:a16="http://schemas.microsoft.com/office/drawing/2014/main" id="{47F336ED-EABD-48B7-9273-7D90232C0EC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9499" y="2943635"/>
            <a:ext cx="6206400" cy="1430365"/>
          </a:xfrm>
          <a:solidFill>
            <a:srgbClr val="FEF2E2"/>
          </a:solidFill>
        </p:spPr>
        <p:txBody>
          <a:bodyPr lIns="360000" tIns="360000" rIns="360000" bIns="360000" anchor="b" anchorCtr="0">
            <a:sp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>
                <a:latin typeface="+mj-lt"/>
              </a:defRPr>
            </a:lvl1pPr>
            <a:lvl2pPr marL="0" indent="0">
              <a:lnSpc>
                <a:spcPct val="106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2pPr>
            <a:lvl3pPr marL="0" indent="0">
              <a:spcBef>
                <a:spcPts val="0"/>
              </a:spcBef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  <a:latin typeface="+mn-lt"/>
              </a:defRPr>
            </a:lvl3pPr>
            <a:lvl4pPr marL="0" indent="0">
              <a:spcBef>
                <a:spcPts val="0"/>
              </a:spcBef>
              <a:buFont typeface="Arial" panose="020B0604020202020204" pitchFamily="34" charset="0"/>
              <a:buNone/>
              <a:defRPr sz="1400" b="0" i="0">
                <a:solidFill>
                  <a:schemeClr val="tx1"/>
                </a:solidFill>
                <a:latin typeface="+mn-lt"/>
              </a:defRPr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5pPr>
            <a:lvl6pPr marL="0" indent="0">
              <a:spcBef>
                <a:spcPts val="0"/>
              </a:spcBef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  <a:latin typeface="+mn-lt"/>
              </a:defRPr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10" name="Text Placeholder højre">
            <a:extLst>
              <a:ext uri="{FF2B5EF4-FFF2-40B4-BE49-F238E27FC236}">
                <a16:creationId xmlns:a16="http://schemas.microsoft.com/office/drawing/2014/main" id="{5F2F4632-FA93-4073-8AB4-69B28A38603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286400" y="2743200"/>
            <a:ext cx="4906800" cy="1428698"/>
          </a:xfrm>
          <a:solidFill>
            <a:schemeClr val="accent1">
              <a:lumMod val="20000"/>
              <a:lumOff val="80000"/>
            </a:schemeClr>
          </a:solidFill>
        </p:spPr>
        <p:txBody>
          <a:bodyPr lIns="360000" tIns="360000" rIns="360000" bIns="360000">
            <a:sp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>
                <a:latin typeface="+mj-lt"/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 i="0">
                <a:solidFill>
                  <a:schemeClr val="tx1"/>
                </a:solidFill>
                <a:latin typeface="+mn-lt"/>
              </a:defRPr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5pPr>
            <a:lvl6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C774E2F-B4AB-4E9E-B961-980AE5E636E0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9C33FA5F-BBA5-4997-8429-358B4B51F583}"/>
              </a:ext>
            </a:extLst>
          </p:cNvPr>
          <p:cNvSpPr txBox="1"/>
          <p:nvPr userDrawn="1"/>
        </p:nvSpPr>
        <p:spPr>
          <a:xfrm>
            <a:off x="19665" y="-607173"/>
            <a:ext cx="4552336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447244E7-6899-4AEC-8CE5-4E82EB0AA5A7}"/>
              </a:ext>
            </a:extLst>
          </p:cNvPr>
          <p:cNvSpPr txBox="1"/>
          <p:nvPr userDrawn="1"/>
        </p:nvSpPr>
        <p:spPr>
          <a:xfrm>
            <a:off x="7285899" y="6904800"/>
            <a:ext cx="4867486" cy="369332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b="0" noProof="0" dirty="0"/>
              <a:t>Hvis tekstboksen er større end den tekst du har skrevet, så stil dig efter sidste ord og lav et mellemrum på dit tastatur, så tilpasser boksen sig teksten.</a:t>
            </a:r>
            <a:endParaRPr lang="da-DK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23DB2AC-541B-4291-8AD4-1ECD45D2B5B8}"/>
              </a:ext>
            </a:extLst>
          </p:cNvPr>
          <p:cNvSpPr txBox="1"/>
          <p:nvPr userDrawn="1"/>
        </p:nvSpPr>
        <p:spPr>
          <a:xfrm>
            <a:off x="7120593" y="-422507"/>
            <a:ext cx="3931614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ctr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7940245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2764A67A-7464-48A2-95C3-CE81376C558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F14046D-76A4-4050-8FE9-0AC1D18448CA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7" name="Footer Placeholder 8" hidden="1">
            <a:extLst>
              <a:ext uri="{FF2B5EF4-FFF2-40B4-BE49-F238E27FC236}">
                <a16:creationId xmlns:a16="http://schemas.microsoft.com/office/drawing/2014/main" id="{B9270B08-E350-4667-AB9F-D3D8222042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E256D4B3-03CA-400D-A965-E0E58BC924F7}"/>
              </a:ext>
            </a:extLst>
          </p:cNvPr>
          <p:cNvSpPr txBox="1"/>
          <p:nvPr userDrawn="1"/>
        </p:nvSpPr>
        <p:spPr>
          <a:xfrm>
            <a:off x="19664" y="-422507"/>
            <a:ext cx="11306337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Marker rammen for at indsætte mørkt billede via Stifinder, eller marker rammen og vælg billede via Templafy-kolonnen til højre</a:t>
            </a:r>
            <a:endParaRPr lang="da-DK"/>
          </a:p>
          <a:p>
            <a:r>
              <a:rPr lang="da-DK" sz="1200" noProof="0" dirty="0"/>
              <a:t>Højre klik på billedet og vælg ” Placer Bagerst” for at få transparant lag foran billede, hvis du ønsker det foran billedet.</a:t>
            </a:r>
            <a:endParaRPr lang="da-DK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D60B3A1-D44F-45F7-977E-C629098697F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16" name="Text Placeholder overlay">
            <a:extLst>
              <a:ext uri="{FF2B5EF4-FFF2-40B4-BE49-F238E27FC236}">
                <a16:creationId xmlns:a16="http://schemas.microsoft.com/office/drawing/2014/main" id="{E3286507-0FD1-4EEF-B779-E5AF19FA241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0"/>
            <a:ext cx="12193200" cy="6858000"/>
          </a:xfrm>
          <a:solidFill>
            <a:schemeClr val="accent1">
              <a:alpha val="50000"/>
            </a:schemeClr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17" name="Picture Placeholder hel">
            <a:extLst>
              <a:ext uri="{FF2B5EF4-FFF2-40B4-BE49-F238E27FC236}">
                <a16:creationId xmlns:a16="http://schemas.microsoft.com/office/drawing/2014/main" id="{FCD36E60-F456-4FE7-B2BD-9E69397BCC92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0" y="0"/>
            <a:ext cx="12192000" cy="6858000"/>
          </a:xfrm>
          <a:noFill/>
        </p:spPr>
        <p:txBody>
          <a:bodyPr lIns="72000" tIns="72000" rIns="72000"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400" b="0"/>
            </a:lvl1pPr>
          </a:lstStyle>
          <a:p>
            <a:r>
              <a:rPr lang="da-DK" dirty="0"/>
              <a:t>Marker rammen for at indsætte mørkt billede via Stifinder, eller marker rammen og vælg billede via Templafy-kolonnen til højre</a:t>
            </a:r>
            <a:endParaRPr lang="da-DK"/>
          </a:p>
          <a:p>
            <a:r>
              <a:rPr lang="da-DK" dirty="0"/>
              <a:t>Højre klik på billedet og vælg ”Placer Bagerst” for at få transparant lag foran billede, hvis du ønsker det foran billedet.</a:t>
            </a:r>
            <a:endParaRPr lang="da-DK"/>
          </a:p>
        </p:txBody>
      </p:sp>
      <p:sp>
        <p:nvSpPr>
          <p:cNvPr id="14" name="Text Placeholder bølge">
            <a:extLst>
              <a:ext uri="{FF2B5EF4-FFF2-40B4-BE49-F238E27FC236}">
                <a16:creationId xmlns:a16="http://schemas.microsoft.com/office/drawing/2014/main" id="{F4DA0F76-58E9-4C42-A925-C53B807A4A2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5871600"/>
            <a:ext cx="12193200" cy="9864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C34CD04A-C4F3-4B5D-B22E-A946997AF9B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194435" y="6322512"/>
            <a:ext cx="1065600" cy="331200"/>
          </a:xfrm>
          <a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C774E2F-B4AB-4E9E-B961-980AE5E636E0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 Placeholder citat">
            <a:extLst>
              <a:ext uri="{FF2B5EF4-FFF2-40B4-BE49-F238E27FC236}">
                <a16:creationId xmlns:a16="http://schemas.microsoft.com/office/drawing/2014/main" id="{522A2313-D711-4DB7-A4EF-4CF3811A187B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0800000">
            <a:off x="1079998" y="688256"/>
            <a:ext cx="1134000" cy="986400"/>
          </a:xfrm>
          <a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4A26801-52E0-4B33-970E-B1B5E93CFA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2" y="1927123"/>
            <a:ext cx="8535946" cy="3702152"/>
          </a:xfrm>
        </p:spPr>
        <p:txBody>
          <a:bodyPr anchor="t" anchorCtr="0"/>
          <a:lstStyle>
            <a:lvl1pPr>
              <a:defRPr sz="4000">
                <a:solidFill>
                  <a:schemeClr val="bg1"/>
                </a:solidFill>
                <a:latin typeface="Montserrat SemiBold" panose="00000700000000000000" pitchFamily="2" charset="0"/>
              </a:defRPr>
            </a:lvl1pPr>
          </a:lstStyle>
          <a:p>
            <a:r>
              <a:rPr lang="da-DK" dirty="0"/>
              <a:t>Klik for at tilføje citat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7901029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96DCD343-89F9-4570-95EB-5831DF1EC68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5FAA14A-D799-44F6-BC50-78859870AEC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4494A6B-8303-4ED6-9241-B9F7196EE7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593" userDrawn="1">
          <p15:clr>
            <a:srgbClr val="F26B43"/>
          </p15:clr>
        </p15:guide>
        <p15:guide id="2" orient="horz" pos="840" userDrawn="1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9CDFE7-5593-4844-AFF4-03D34090D26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1AA823D2-0D8A-453B-BF3C-D939665A39B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E219E00-9E7E-47EE-B6F1-738A6E205F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på lys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50F5E998-A737-4D56-A9C5-D9911C765940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Marker rammen for at indsætte lyst billede via Stifinder, eller marker rammen og vælg billede via Templafy-kolonnen til højre</a:t>
            </a:r>
            <a:endParaRPr lang="da-DK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50ED6A2-A1B4-4262-B247-A21BC27104FB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02718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97B6ED56-D13D-43D7-A5DF-9652F88DE99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870044 w 12193200"/>
              <a:gd name="connsiteY0" fmla="*/ 5871915 h 6861600"/>
              <a:gd name="connsiteX1" fmla="*/ 834 w 12193200"/>
              <a:gd name="connsiteY1" fmla="*/ 5970141 h 6861600"/>
              <a:gd name="connsiteX2" fmla="*/ 834 w 12193200"/>
              <a:gd name="connsiteY2" fmla="*/ 5983264 h 6861600"/>
              <a:gd name="connsiteX3" fmla="*/ 801527 w 12193200"/>
              <a:gd name="connsiteY3" fmla="*/ 5883950 h 6861600"/>
              <a:gd name="connsiteX4" fmla="*/ 1219102 w 12193200"/>
              <a:gd name="connsiteY4" fmla="*/ 5901857 h 6861600"/>
              <a:gd name="connsiteX5" fmla="*/ 2825864 w 12193200"/>
              <a:gd name="connsiteY5" fmla="*/ 6134055 h 6861600"/>
              <a:gd name="connsiteX6" fmla="*/ 3160298 w 12193200"/>
              <a:gd name="connsiteY6" fmla="*/ 6190782 h 6861600"/>
              <a:gd name="connsiteX7" fmla="*/ 4897912 w 12193200"/>
              <a:gd name="connsiteY7" fmla="*/ 6490841 h 6861600"/>
              <a:gd name="connsiteX8" fmla="*/ 4902611 w 12193200"/>
              <a:gd name="connsiteY8" fmla="*/ 6491687 h 6861600"/>
              <a:gd name="connsiteX9" fmla="*/ 7142467 w 12193200"/>
              <a:gd name="connsiteY9" fmla="*/ 6857320 h 6861600"/>
              <a:gd name="connsiteX10" fmla="*/ 7241781 w 12193200"/>
              <a:gd name="connsiteY10" fmla="*/ 6857320 h 6861600"/>
              <a:gd name="connsiteX11" fmla="*/ 4904981 w 12193200"/>
              <a:gd name="connsiteY11" fmla="*/ 6479411 h 6861600"/>
              <a:gd name="connsiteX12" fmla="*/ 3162541 w 12193200"/>
              <a:gd name="connsiteY12" fmla="*/ 6178378 h 6861600"/>
              <a:gd name="connsiteX13" fmla="*/ 2837421 w 12193200"/>
              <a:gd name="connsiteY13" fmla="*/ 6123345 h 6861600"/>
              <a:gd name="connsiteX14" fmla="*/ 2828108 w 12193200"/>
              <a:gd name="connsiteY14" fmla="*/ 6121779 h 6861600"/>
              <a:gd name="connsiteX15" fmla="*/ 1221304 w 12193200"/>
              <a:gd name="connsiteY15" fmla="*/ 5889454 h 6861600"/>
              <a:gd name="connsiteX16" fmla="*/ 870044 w 12193200"/>
              <a:gd name="connsiteY16" fmla="*/ 5871915 h 6861600"/>
              <a:gd name="connsiteX17" fmla="*/ 0 w 12193200"/>
              <a:gd name="connsiteY17" fmla="*/ 0 h 6861600"/>
              <a:gd name="connsiteX18" fmla="*/ 12193200 w 12193200"/>
              <a:gd name="connsiteY18" fmla="*/ 0 h 6861600"/>
              <a:gd name="connsiteX19" fmla="*/ 12193200 w 12193200"/>
              <a:gd name="connsiteY19" fmla="*/ 6537681 h 6861600"/>
              <a:gd name="connsiteX20" fmla="*/ 11998070 w 12193200"/>
              <a:gd name="connsiteY20" fmla="*/ 6633962 h 6861600"/>
              <a:gd name="connsiteX21" fmla="*/ 11456402 w 12193200"/>
              <a:gd name="connsiteY21" fmla="*/ 6855245 h 6861600"/>
              <a:gd name="connsiteX22" fmla="*/ 11494502 w 12193200"/>
              <a:gd name="connsiteY22" fmla="*/ 6855245 h 6861600"/>
              <a:gd name="connsiteX23" fmla="*/ 12009590 w 12193200"/>
              <a:gd name="connsiteY23" fmla="*/ 6642100 h 6861600"/>
              <a:gd name="connsiteX24" fmla="*/ 12193200 w 12193200"/>
              <a:gd name="connsiteY24" fmla="*/ 6551566 h 6861600"/>
              <a:gd name="connsiteX25" fmla="*/ 12193200 w 12193200"/>
              <a:gd name="connsiteY25" fmla="*/ 6861600 h 6861600"/>
              <a:gd name="connsiteX26" fmla="*/ 0 w 12193200"/>
              <a:gd name="connsiteY26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</a:cxnLst>
            <a:rect l="l" t="t" r="r" b="b"/>
            <a:pathLst>
              <a:path w="12193200" h="6861600">
                <a:moveTo>
                  <a:pt x="870044" y="5871915"/>
                </a:moveTo>
                <a:cubicBezTo>
                  <a:pt x="536909" y="5866747"/>
                  <a:pt x="255405" y="5898894"/>
                  <a:pt x="834" y="5970141"/>
                </a:cubicBezTo>
                <a:lnTo>
                  <a:pt x="834" y="5983264"/>
                </a:lnTo>
                <a:cubicBezTo>
                  <a:pt x="237901" y="5916420"/>
                  <a:pt x="497912" y="5883950"/>
                  <a:pt x="801527" y="5883950"/>
                </a:cubicBezTo>
                <a:cubicBezTo>
                  <a:pt x="932125" y="5883950"/>
                  <a:pt x="1070767" y="5889962"/>
                  <a:pt x="1219102" y="5901857"/>
                </a:cubicBezTo>
                <a:cubicBezTo>
                  <a:pt x="1678589" y="5938814"/>
                  <a:pt x="2210253" y="6029281"/>
                  <a:pt x="2825864" y="6134055"/>
                </a:cubicBezTo>
                <a:cubicBezTo>
                  <a:pt x="2933899" y="6152485"/>
                  <a:pt x="3045377" y="6171393"/>
                  <a:pt x="3160298" y="6190782"/>
                </a:cubicBezTo>
                <a:cubicBezTo>
                  <a:pt x="3810919" y="6300044"/>
                  <a:pt x="4388389" y="6401644"/>
                  <a:pt x="4897912" y="6490841"/>
                </a:cubicBezTo>
                <a:lnTo>
                  <a:pt x="4902611" y="6491687"/>
                </a:lnTo>
                <a:cubicBezTo>
                  <a:pt x="5811974" y="6651242"/>
                  <a:pt x="6530243" y="6777268"/>
                  <a:pt x="7142467" y="6857320"/>
                </a:cubicBezTo>
                <a:lnTo>
                  <a:pt x="7241781" y="6857320"/>
                </a:lnTo>
                <a:cubicBezTo>
                  <a:pt x="6610168" y="6778580"/>
                  <a:pt x="5856042" y="6646246"/>
                  <a:pt x="4904981" y="6479411"/>
                </a:cubicBezTo>
                <a:cubicBezTo>
                  <a:pt x="4395330" y="6389960"/>
                  <a:pt x="3817777" y="6288657"/>
                  <a:pt x="3162541" y="6178378"/>
                </a:cubicBezTo>
                <a:cubicBezTo>
                  <a:pt x="3051148" y="6159639"/>
                  <a:pt x="2942775" y="6141294"/>
                  <a:pt x="2837421" y="6123345"/>
                </a:cubicBezTo>
                <a:lnTo>
                  <a:pt x="2828108" y="6121779"/>
                </a:lnTo>
                <a:cubicBezTo>
                  <a:pt x="2212581" y="6017004"/>
                  <a:pt x="1680874" y="5926538"/>
                  <a:pt x="1221304" y="5889454"/>
                </a:cubicBezTo>
                <a:cubicBezTo>
                  <a:pt x="1097871" y="5879506"/>
                  <a:pt x="981089" y="5873637"/>
                  <a:pt x="870044" y="5871915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537681"/>
                </a:lnTo>
                <a:lnTo>
                  <a:pt x="11998070" y="6633962"/>
                </a:lnTo>
                <a:cubicBezTo>
                  <a:pt x="11806739" y="6724666"/>
                  <a:pt x="11629248" y="6797302"/>
                  <a:pt x="11456402" y="6855245"/>
                </a:cubicBezTo>
                <a:lnTo>
                  <a:pt x="11494502" y="6855245"/>
                </a:lnTo>
                <a:cubicBezTo>
                  <a:pt x="11659030" y="6798222"/>
                  <a:pt x="11828750" y="6727936"/>
                  <a:pt x="12009590" y="6642100"/>
                </a:cubicBezTo>
                <a:lnTo>
                  <a:pt x="12193200" y="6551566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144000" tIns="108000">
            <a:noAutofit/>
          </a:bodyPr>
          <a:lstStyle>
            <a:lvl1pPr marL="0" indent="0" algn="l">
              <a:buNone/>
              <a:defRPr sz="1598" b="0"/>
            </a:lvl1pPr>
          </a:lstStyle>
          <a:p>
            <a:r>
              <a:rPr lang="da-DK" dirty="0"/>
              <a:t>Marker rammen for at indsætte lyst billede via Stifinder, eller marker rammen og vælg billede via Templafy-kolonnen til højre</a:t>
            </a:r>
            <a:endParaRPr lang="da-DK"/>
          </a:p>
        </p:txBody>
      </p:sp>
      <p:sp>
        <p:nvSpPr>
          <p:cNvPr id="15" name="Logo Placeholder">
            <a:extLst>
              <a:ext uri="{FF2B5EF4-FFF2-40B4-BE49-F238E27FC236}">
                <a16:creationId xmlns:a16="http://schemas.microsoft.com/office/drawing/2014/main" id="{BBDB856C-AE7E-4C83-9F99-8B3403E1D94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94435" y="6322066"/>
            <a:ext cx="1065600" cy="3312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7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95">
                <a:solidFill>
                  <a:schemeClr val="accent1">
                    <a:lumMod val="75000"/>
                  </a:schemeClr>
                </a:solidFill>
              </a:defRPr>
            </a:lvl1pPr>
          </a:lstStyle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7" b="1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324540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844" userDrawn="1">
          <p15:clr>
            <a:srgbClr val="F26B43"/>
          </p15:clr>
        </p15:guide>
        <p15:guide id="3" orient="horz" pos="1638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Farvet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C65BE1C5-CE45-4E94-BFD0-1EDABEE3D76F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9CDFE7-5593-4844-AFF4-03D34090D26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29.3.2023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1AA823D2-0D8A-453B-BF3C-D939665A39B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E219E00-9E7E-47EE-B6F1-738A6E205F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E75B8AFD-EE2A-41AF-8D84-ED28EB2DAD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7" name="Bølge">
            <a:extLst>
              <a:ext uri="{FF2B5EF4-FFF2-40B4-BE49-F238E27FC236}">
                <a16:creationId xmlns:a16="http://schemas.microsoft.com/office/drawing/2014/main" id="{059A12B7-8E17-41A8-8409-2847EC084FBA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277861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079500" y="1484283"/>
            <a:ext cx="2772000" cy="414499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5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sz="899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899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899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805655" y="2843993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55" y="2236247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225946" y="1590113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7225945" y="3186757"/>
            <a:ext cx="496606" cy="172842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1079500" y="448715"/>
            <a:ext cx="749694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197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25945" y="2338990"/>
            <a:ext cx="475428" cy="176762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61202C2-E305-4E94-BDDD-F7316D5B8CE1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2" name="Text Box 3">
            <a:extLst>
              <a:ext uri="{FF2B5EF4-FFF2-40B4-BE49-F238E27FC236}">
                <a16:creationId xmlns:a16="http://schemas.microsoft.com/office/drawing/2014/main" id="{A78DD7B8-E0C6-4211-AF50-31D29F43B75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68056" y="1484283"/>
            <a:ext cx="2772000" cy="38442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7762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84361" rtl="0" eaLnBrk="1" fontAlgn="auto" latinLnBrk="0" hangingPunct="1">
              <a:lnSpc>
                <a:spcPct val="100000"/>
              </a:lnSpc>
              <a:spcBef>
                <a:spcPts val="898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da-DK" sz="1596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198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8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i øverste venstre hjørne for at se Templafy vinduet til højre på skærmen, hvis det ikke allerede er 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ælg billedepladsholder, ved at klikke på rammen (helt ude i kanten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 og vælg billede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øge efter billede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Aft>
                <a:spcPts val="450"/>
              </a:spcAft>
              <a:defRPr/>
            </a:pP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Aft>
                <a:spcPts val="450"/>
              </a:spcAft>
              <a:defRPr/>
            </a:pP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Aft>
                <a:spcPts val="450"/>
              </a:spcAft>
              <a:defRPr/>
            </a:pPr>
            <a:b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</p:txBody>
      </p:sp>
      <p:pic>
        <p:nvPicPr>
          <p:cNvPr id="23" name="Picture 33">
            <a:extLst>
              <a:ext uri="{FF2B5EF4-FFF2-40B4-BE49-F238E27FC236}">
                <a16:creationId xmlns:a16="http://schemas.microsoft.com/office/drawing/2014/main" id="{B5C2FDF7-C905-4456-8898-DAAB54CDDFC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901" t="45142" r="62601" b="9046"/>
          <a:stretch/>
        </p:blipFill>
        <p:spPr>
          <a:xfrm>
            <a:off x="10816212" y="3395925"/>
            <a:ext cx="341204" cy="321707"/>
          </a:xfrm>
          <a:prstGeom prst="rect">
            <a:avLst/>
          </a:prstGeom>
        </p:spPr>
      </p:pic>
      <p:pic>
        <p:nvPicPr>
          <p:cNvPr id="24" name="Billede 38">
            <a:extLst>
              <a:ext uri="{FF2B5EF4-FFF2-40B4-BE49-F238E27FC236}">
                <a16:creationId xmlns:a16="http://schemas.microsoft.com/office/drawing/2014/main" id="{7005C378-9BAE-40AD-A291-1876E6DBC74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0816212" y="4241695"/>
            <a:ext cx="366042" cy="480431"/>
          </a:xfrm>
          <a:prstGeom prst="rect">
            <a:avLst/>
          </a:prstGeom>
        </p:spPr>
      </p:pic>
      <p:pic>
        <p:nvPicPr>
          <p:cNvPr id="25" name="Billede 26">
            <a:extLst>
              <a:ext uri="{FF2B5EF4-FFF2-40B4-BE49-F238E27FC236}">
                <a16:creationId xmlns:a16="http://schemas.microsoft.com/office/drawing/2014/main" id="{B064EB3A-46DA-4C6A-B3EA-283413DE56E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16212" y="1903267"/>
            <a:ext cx="305786" cy="365851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0337AA43-A3DA-4022-9F42-142B68351A8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70259"/>
          <a:stretch/>
        </p:blipFill>
        <p:spPr>
          <a:xfrm>
            <a:off x="10722167" y="2654515"/>
            <a:ext cx="554132" cy="501345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BDAB8F97-A892-45C5-A57F-96C5AFD73F9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1011109" y="3395925"/>
            <a:ext cx="2109062" cy="2272441"/>
          </a:xfrm>
          <a:prstGeom prst="rect">
            <a:avLst/>
          </a:prstGeom>
        </p:spPr>
      </p:pic>
      <p:sp>
        <p:nvSpPr>
          <p:cNvPr id="18" name="Text Box 2">
            <a:extLst>
              <a:ext uri="{FF2B5EF4-FFF2-40B4-BE49-F238E27FC236}">
                <a16:creationId xmlns:a16="http://schemas.microsoft.com/office/drawing/2014/main" id="{B66122F8-E7F5-4EDF-A8C8-888857914A0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57451" y="1484283"/>
            <a:ext cx="2772000" cy="223334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899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da-DK"/>
          </a:p>
          <a:p>
            <a:pPr marL="0" marR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899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10AB66B8-DC0E-4339-A241-D2AFFC4E341B}"/>
              </a:ext>
            </a:extLst>
          </p:cNvPr>
          <p:cNvGrpSpPr/>
          <p:nvPr userDrawn="1"/>
        </p:nvGrpSpPr>
        <p:grpSpPr>
          <a:xfrm>
            <a:off x="4637494" y="3715983"/>
            <a:ext cx="3063879" cy="784207"/>
            <a:chOff x="4637494" y="3715983"/>
            <a:chExt cx="3063879" cy="784207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F9767CC9-59E8-479A-97F8-34F76520214B}"/>
                </a:ext>
              </a:extLst>
            </p:cNvPr>
            <p:cNvGrpSpPr/>
            <p:nvPr userDrawn="1"/>
          </p:nvGrpSpPr>
          <p:grpSpPr>
            <a:xfrm>
              <a:off x="4637494" y="3715983"/>
              <a:ext cx="3063879" cy="784207"/>
              <a:chOff x="4637494" y="3715983"/>
              <a:chExt cx="3063879" cy="784207"/>
            </a:xfrm>
          </p:grpSpPr>
          <p:pic>
            <p:nvPicPr>
              <p:cNvPr id="1026" name="Picture 2">
                <a:extLst>
                  <a:ext uri="{FF2B5EF4-FFF2-40B4-BE49-F238E27FC236}">
                    <a16:creationId xmlns:a16="http://schemas.microsoft.com/office/drawing/2014/main" id="{343EB5E2-3E17-419A-AA54-EE707DE3B894}"/>
                  </a:ext>
                </a:extLst>
              </p:cNvPr>
              <p:cNvPicPr>
                <a:picLocks noChangeAspect="1" noChangeArrowheads="1"/>
              </p:cNvPicPr>
              <p:nvPr userDrawn="1"/>
            </p:nvPicPr>
            <p:blipFill>
              <a:blip r:embed="rId12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4637494" y="3715983"/>
                <a:ext cx="3063879" cy="784207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21" name="Billede 35">
                <a:extLst>
                  <a:ext uri="{FF2B5EF4-FFF2-40B4-BE49-F238E27FC236}">
                    <a16:creationId xmlns:a16="http://schemas.microsoft.com/office/drawing/2014/main" id="{C02DE431-F381-4422-BBE6-BF10981692EF}"/>
                  </a:ext>
                </a:extLst>
              </p:cNvPr>
              <p:cNvPicPr>
                <a:picLocks noChangeAspect="1"/>
              </p:cNvPicPr>
              <p:nvPr userDrawn="1"/>
            </p:nvPicPr>
            <p:blipFill rotWithShape="1">
              <a:blip r:embed="rId5"/>
              <a:srcRect l="32343" t="24544" r="24937" b="23159"/>
              <a:stretch/>
            </p:blipFill>
            <p:spPr>
              <a:xfrm>
                <a:off x="5497619" y="4100225"/>
                <a:ext cx="210369" cy="86912"/>
              </a:xfrm>
              <a:prstGeom prst="rect">
                <a:avLst/>
              </a:prstGeom>
            </p:spPr>
          </p:pic>
        </p:grpSp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4F6D3B74-E134-4D65-9981-C30BCEB5C2AD}"/>
                </a:ext>
              </a:extLst>
            </p:cNvPr>
            <p:cNvSpPr/>
            <p:nvPr userDrawn="1"/>
          </p:nvSpPr>
          <p:spPr>
            <a:xfrm>
              <a:off x="5347640" y="3928006"/>
              <a:ext cx="455420" cy="268835"/>
            </a:xfrm>
            <a:prstGeom prst="rect">
              <a:avLst/>
            </a:prstGeom>
            <a:noFill/>
            <a:ln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1600" noProof="0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90663289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094800" y="1484285"/>
            <a:ext cx="2772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SLIDES &amp; SLIDE ELEMENTS</a:t>
            </a:r>
            <a:br>
              <a:rPr lang="da-DK" sz="1598" dirty="0">
                <a:latin typeface="+mn-lt"/>
                <a:cs typeface="Arial" panose="020B0604020202020204" pitchFamily="34" charset="0"/>
              </a:rPr>
            </a:br>
            <a:r>
              <a:rPr lang="da-DK" sz="900" b="1" dirty="0">
                <a:latin typeface="+mn-lt"/>
                <a:cs typeface="Arial" panose="020B0604020202020204" pitchFamily="34" charset="0"/>
              </a:rPr>
              <a:t>Indsæt fra Templafy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i øverste venstre hjørne for at se Templafy vinduet til højre på skærmen, hvis det ikke allerede er der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. Væl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i højre side af skærmen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arver</a:t>
            </a:r>
            <a:br>
              <a:rPr lang="da-DK" sz="1200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Da I har farveskift i jeres løsning vil de 6 grundfarver følge det farvevalg I vælger i skabelon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De 6 grundfarver har betydning for rækkefølgen af jeres grafer</a:t>
            </a:r>
            <a:endParaRPr lang="da-DK" altLang="da-DK" sz="8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097050" y="1495487"/>
            <a:ext cx="2880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5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899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15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5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899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1079500" y="448715"/>
            <a:ext cx="10569574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197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969953" y="2050541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61202C2-E305-4E94-BDDD-F7316D5B8CE1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CF192064-E87C-4329-800F-A879779F8241}"/>
              </a:ext>
            </a:extLst>
          </p:cNvPr>
          <p:cNvGrpSpPr/>
          <p:nvPr userDrawn="1"/>
        </p:nvGrpSpPr>
        <p:grpSpPr>
          <a:xfrm>
            <a:off x="6049526" y="4103819"/>
            <a:ext cx="2465910" cy="1943022"/>
            <a:chOff x="6049526" y="3608519"/>
            <a:chExt cx="2465910" cy="1943022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9FCB0F65-8A71-4DBF-8224-096F6976071C}"/>
                </a:ext>
              </a:extLst>
            </p:cNvPr>
            <p:cNvGrpSpPr/>
            <p:nvPr userDrawn="1"/>
          </p:nvGrpSpPr>
          <p:grpSpPr>
            <a:xfrm>
              <a:off x="6049526" y="3608519"/>
              <a:ext cx="1178571" cy="1943022"/>
              <a:chOff x="6049526" y="3608519"/>
              <a:chExt cx="1178571" cy="1943022"/>
            </a:xfrm>
          </p:grpSpPr>
          <p:pic>
            <p:nvPicPr>
              <p:cNvPr id="3" name="Picture 2">
                <a:extLst>
                  <a:ext uri="{FF2B5EF4-FFF2-40B4-BE49-F238E27FC236}">
                    <a16:creationId xmlns:a16="http://schemas.microsoft.com/office/drawing/2014/main" id="{D4CFE4E1-0D0A-4FD3-93AF-4C669764E86B}"/>
                  </a:ext>
                </a:extLst>
              </p:cNvPr>
              <p:cNvPicPr>
                <a:picLocks noChangeAspect="1"/>
              </p:cNvPicPr>
              <p:nvPr userDrawn="1"/>
            </p:nvPicPr>
            <p:blipFill>
              <a:blip r:embed="rId3"/>
              <a:stretch>
                <a:fillRect/>
              </a:stretch>
            </p:blipFill>
            <p:spPr>
              <a:xfrm>
                <a:off x="6094799" y="3608519"/>
                <a:ext cx="1090600" cy="1943022"/>
              </a:xfrm>
              <a:prstGeom prst="rect">
                <a:avLst/>
              </a:prstGeom>
            </p:spPr>
          </p:pic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974D60C5-A814-4579-BD77-FC26CD844ED0}"/>
                  </a:ext>
                </a:extLst>
              </p:cNvPr>
              <p:cNvSpPr/>
              <p:nvPr userDrawn="1"/>
            </p:nvSpPr>
            <p:spPr>
              <a:xfrm>
                <a:off x="6528486" y="3792870"/>
                <a:ext cx="683135" cy="116707"/>
              </a:xfrm>
              <a:prstGeom prst="rect">
                <a:avLst/>
              </a:prstGeom>
              <a:noFill/>
              <a:ln w="19050">
                <a:solidFill>
                  <a:srgbClr val="FF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72000" rIns="72000" bIns="72000" rtlCol="0" anchor="ctr"/>
              <a:lstStyle/>
              <a:p>
                <a:pPr algn="ctr"/>
                <a:endParaRPr lang="da-DK" sz="1794" dirty="0" err="1"/>
              </a:p>
            </p:txBody>
          </p:sp>
          <p:cxnSp>
            <p:nvCxnSpPr>
              <p:cNvPr id="45" name="Straight Connector 44">
                <a:extLst>
                  <a:ext uri="{FF2B5EF4-FFF2-40B4-BE49-F238E27FC236}">
                    <a16:creationId xmlns:a16="http://schemas.microsoft.com/office/drawing/2014/main" id="{E25566B8-0E35-4DDF-B448-63026AD6A03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6058803" y="4635880"/>
                <a:ext cx="1169294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6" name="Straight Connector 45">
                <a:extLst>
                  <a:ext uri="{FF2B5EF4-FFF2-40B4-BE49-F238E27FC236}">
                    <a16:creationId xmlns:a16="http://schemas.microsoft.com/office/drawing/2014/main" id="{F23FC828-F774-4024-AAC3-B09EB3B330BC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6056229" y="4635880"/>
                <a:ext cx="1171867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2" name="Straight Connector 41">
                <a:extLst>
                  <a:ext uri="{FF2B5EF4-FFF2-40B4-BE49-F238E27FC236}">
                    <a16:creationId xmlns:a16="http://schemas.microsoft.com/office/drawing/2014/main" id="{0A87D391-BBBE-417A-A146-F40CFB921E38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6052100" y="5021279"/>
                <a:ext cx="1169294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753AD98C-1092-43EB-A70F-53AFF5DDDC6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6049526" y="5021279"/>
                <a:ext cx="1171867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48" name="Rectangle 47">
                <a:extLst>
                  <a:ext uri="{FF2B5EF4-FFF2-40B4-BE49-F238E27FC236}">
                    <a16:creationId xmlns:a16="http://schemas.microsoft.com/office/drawing/2014/main" id="{BE4260DE-9330-4BFC-8E01-DC8081F9574E}"/>
                  </a:ext>
                </a:extLst>
              </p:cNvPr>
              <p:cNvSpPr/>
              <p:nvPr userDrawn="1"/>
            </p:nvSpPr>
            <p:spPr>
              <a:xfrm>
                <a:off x="6094798" y="3941294"/>
                <a:ext cx="1090600" cy="453648"/>
              </a:xfrm>
              <a:prstGeom prst="rect">
                <a:avLst/>
              </a:prstGeom>
              <a:noFill/>
              <a:ln w="19050">
                <a:solidFill>
                  <a:srgbClr val="FF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72000" rIns="72000" bIns="72000" rtlCol="0" anchor="ctr"/>
              <a:lstStyle/>
              <a:p>
                <a:pPr algn="ctr"/>
                <a:endParaRPr lang="da-DK" sz="1794" dirty="0" err="1"/>
              </a:p>
            </p:txBody>
          </p:sp>
        </p:grp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F04030C8-84A6-430D-B2D1-6BCCE2A1D76E}"/>
                </a:ext>
              </a:extLst>
            </p:cNvPr>
            <p:cNvSpPr txBox="1"/>
            <p:nvPr userDrawn="1"/>
          </p:nvSpPr>
          <p:spPr>
            <a:xfrm>
              <a:off x="7353901" y="3781973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De 6 </a:t>
              </a:r>
              <a:r>
                <a:rPr lang="da-DK" altLang="da-DK" sz="900" b="0" kern="1200" noProof="1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grundfarver</a:t>
              </a:r>
              <a:endParaRPr lang="da-DK" sz="900" b="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BBE5008D-A260-42EA-B426-F91963502337}"/>
                </a:ext>
              </a:extLst>
            </p:cNvPr>
            <p:cNvSpPr txBox="1"/>
            <p:nvPr userDrawn="1"/>
          </p:nvSpPr>
          <p:spPr>
            <a:xfrm>
              <a:off x="7353901" y="4098868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Toninger</a:t>
              </a:r>
              <a:endParaRPr lang="da-DK"/>
            </a:p>
          </p:txBody>
        </p:sp>
        <p:sp>
          <p:nvSpPr>
            <p:cNvPr id="50" name="TextBox 49">
              <a:extLst>
                <a:ext uri="{FF2B5EF4-FFF2-40B4-BE49-F238E27FC236}">
                  <a16:creationId xmlns:a16="http://schemas.microsoft.com/office/drawing/2014/main" id="{523E4EF6-C405-4652-8362-B9DAD210284F}"/>
                </a:ext>
              </a:extLst>
            </p:cNvPr>
            <p:cNvSpPr txBox="1"/>
            <p:nvPr userDrawn="1"/>
          </p:nvSpPr>
          <p:spPr>
            <a:xfrm>
              <a:off x="7353901" y="4610025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MS Office, brug dem ikke</a:t>
              </a:r>
              <a:endParaRPr lang="da-DK"/>
            </a:p>
          </p:txBody>
        </p:sp>
        <p:sp>
          <p:nvSpPr>
            <p:cNvPr id="51" name="TextBox 50">
              <a:extLst>
                <a:ext uri="{FF2B5EF4-FFF2-40B4-BE49-F238E27FC236}">
                  <a16:creationId xmlns:a16="http://schemas.microsoft.com/office/drawing/2014/main" id="{D0BA8FD4-911C-4CC3-8715-1F012DCFD07A}"/>
                </a:ext>
              </a:extLst>
            </p:cNvPr>
            <p:cNvSpPr txBox="1"/>
            <p:nvPr userDrawn="1"/>
          </p:nvSpPr>
          <p:spPr>
            <a:xfrm>
              <a:off x="7353901" y="5021279"/>
              <a:ext cx="1161535" cy="4154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Farver som oprettes hvis du bruger forkerte farver, brug dem ikke</a:t>
              </a:r>
              <a:endParaRPr lang="da-DK"/>
            </a:p>
          </p:txBody>
        </p:sp>
      </p:grpSp>
      <p:pic>
        <p:nvPicPr>
          <p:cNvPr id="21" name="Billede 26">
            <a:extLst>
              <a:ext uri="{FF2B5EF4-FFF2-40B4-BE49-F238E27FC236}">
                <a16:creationId xmlns:a16="http://schemas.microsoft.com/office/drawing/2014/main" id="{C68F49D8-1A06-4B57-A96B-5568FF484C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866800" y="1867615"/>
            <a:ext cx="305786" cy="365851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CF2D39CC-1381-4916-8CB8-49E87D7E1CE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r="32561"/>
          <a:stretch/>
        </p:blipFill>
        <p:spPr>
          <a:xfrm>
            <a:off x="8759777" y="2359498"/>
            <a:ext cx="1256529" cy="5013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670627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1925" tIns="71925" rIns="71925" bIns="71925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599"/>
              </a:spcBef>
              <a:buClr>
                <a:srgbClr val="003755"/>
              </a:buClr>
            </a:pPr>
            <a:endParaRPr lang="da-DK" sz="1399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4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9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396" b="0" noProof="0" dirty="0">
                <a:solidFill>
                  <a:schemeClr val="bg1"/>
                </a:solidFill>
              </a:rPr>
              <a:t>Hvis du ser andre </a:t>
            </a:r>
            <a:r>
              <a:rPr lang="da-DK" sz="4396" b="1" i="1" noProof="0" dirty="0">
                <a:solidFill>
                  <a:schemeClr val="bg1"/>
                </a:solidFill>
              </a:rPr>
              <a:t>layouts efter dette,</a:t>
            </a:r>
            <a:br>
              <a:rPr lang="da-DK" sz="4396" b="0" i="0" noProof="0" dirty="0">
                <a:solidFill>
                  <a:schemeClr val="bg1"/>
                </a:solidFill>
              </a:rPr>
            </a:br>
            <a:r>
              <a:rPr lang="da-DK" sz="4396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396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396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396" b="0" i="0" u="none" noProof="1">
                <a:solidFill>
                  <a:schemeClr val="bg1"/>
                </a:solidFill>
              </a:rPr>
              <a:t>corporate</a:t>
            </a:r>
            <a:r>
              <a:rPr lang="da-DK" sz="4396" b="0" noProof="0" dirty="0">
                <a:solidFill>
                  <a:schemeClr val="bg1"/>
                </a:solidFill>
              </a:rPr>
              <a:t>skabelon.</a:t>
            </a:r>
            <a:br>
              <a:rPr lang="da-DK" sz="2797" b="0" noProof="0" dirty="0">
                <a:solidFill>
                  <a:schemeClr val="bg1"/>
                </a:solidFill>
              </a:rPr>
            </a:br>
            <a:br>
              <a:rPr lang="da-DK" sz="2797" b="0" noProof="0" dirty="0">
                <a:solidFill>
                  <a:schemeClr val="bg1"/>
                </a:solidFill>
              </a:rPr>
            </a:br>
            <a:endParaRPr lang="da-DK" sz="2797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9"/>
                </a:spcBef>
                <a:buClr>
                  <a:srgbClr val="003755"/>
                </a:buClr>
              </a:pPr>
              <a:endParaRPr lang="da-DK" sz="1399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9"/>
                </a:spcBef>
                <a:buClr>
                  <a:srgbClr val="003755"/>
                </a:buClr>
              </a:pPr>
              <a:endParaRPr lang="da-DK" sz="1399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9990" b="1" i="1" noProof="0" dirty="0">
                <a:solidFill>
                  <a:schemeClr val="bg1"/>
                </a:solidFill>
              </a:rPr>
              <a:t>Brug dem ikke </a:t>
            </a:r>
            <a:endParaRPr lang="da-DK" sz="999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9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998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599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998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798" b="0" noProof="0" dirty="0">
                <a:solidFill>
                  <a:schemeClr val="bg1"/>
                </a:solidFill>
              </a:rPr>
            </a:br>
            <a:endParaRPr lang="da-DK" sz="1798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39079EF-3077-4E30-84FC-B54C77AB074B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på mørk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0E86C3DA-F7E5-41F7-BF91-303D41DC5A2E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Marker rammen for at indsætte mørkt billede via Stifinder, eller marker rammen og vælg billede via Templafy-kolonnen til højre</a:t>
            </a:r>
            <a:endParaRPr lang="da-DK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50ED6A2-A1B4-4262-B247-A21BC27104FB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4799258-2BB1-4E5D-AA12-2311D752BAC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870044 w 12193200"/>
              <a:gd name="connsiteY0" fmla="*/ 5871915 h 6861600"/>
              <a:gd name="connsiteX1" fmla="*/ 834 w 12193200"/>
              <a:gd name="connsiteY1" fmla="*/ 5970141 h 6861600"/>
              <a:gd name="connsiteX2" fmla="*/ 834 w 12193200"/>
              <a:gd name="connsiteY2" fmla="*/ 5983264 h 6861600"/>
              <a:gd name="connsiteX3" fmla="*/ 801527 w 12193200"/>
              <a:gd name="connsiteY3" fmla="*/ 5883950 h 6861600"/>
              <a:gd name="connsiteX4" fmla="*/ 1219102 w 12193200"/>
              <a:gd name="connsiteY4" fmla="*/ 5901857 h 6861600"/>
              <a:gd name="connsiteX5" fmla="*/ 2825864 w 12193200"/>
              <a:gd name="connsiteY5" fmla="*/ 6134055 h 6861600"/>
              <a:gd name="connsiteX6" fmla="*/ 3160298 w 12193200"/>
              <a:gd name="connsiteY6" fmla="*/ 6190782 h 6861600"/>
              <a:gd name="connsiteX7" fmla="*/ 4897912 w 12193200"/>
              <a:gd name="connsiteY7" fmla="*/ 6490841 h 6861600"/>
              <a:gd name="connsiteX8" fmla="*/ 4902611 w 12193200"/>
              <a:gd name="connsiteY8" fmla="*/ 6491687 h 6861600"/>
              <a:gd name="connsiteX9" fmla="*/ 7142467 w 12193200"/>
              <a:gd name="connsiteY9" fmla="*/ 6857320 h 6861600"/>
              <a:gd name="connsiteX10" fmla="*/ 7241781 w 12193200"/>
              <a:gd name="connsiteY10" fmla="*/ 6857320 h 6861600"/>
              <a:gd name="connsiteX11" fmla="*/ 4904981 w 12193200"/>
              <a:gd name="connsiteY11" fmla="*/ 6479411 h 6861600"/>
              <a:gd name="connsiteX12" fmla="*/ 3162541 w 12193200"/>
              <a:gd name="connsiteY12" fmla="*/ 6178378 h 6861600"/>
              <a:gd name="connsiteX13" fmla="*/ 2837421 w 12193200"/>
              <a:gd name="connsiteY13" fmla="*/ 6123345 h 6861600"/>
              <a:gd name="connsiteX14" fmla="*/ 2828108 w 12193200"/>
              <a:gd name="connsiteY14" fmla="*/ 6121779 h 6861600"/>
              <a:gd name="connsiteX15" fmla="*/ 1221304 w 12193200"/>
              <a:gd name="connsiteY15" fmla="*/ 5889454 h 6861600"/>
              <a:gd name="connsiteX16" fmla="*/ 870044 w 12193200"/>
              <a:gd name="connsiteY16" fmla="*/ 5871915 h 6861600"/>
              <a:gd name="connsiteX17" fmla="*/ 0 w 12193200"/>
              <a:gd name="connsiteY17" fmla="*/ 0 h 6861600"/>
              <a:gd name="connsiteX18" fmla="*/ 12193200 w 12193200"/>
              <a:gd name="connsiteY18" fmla="*/ 0 h 6861600"/>
              <a:gd name="connsiteX19" fmla="*/ 12193200 w 12193200"/>
              <a:gd name="connsiteY19" fmla="*/ 6537681 h 6861600"/>
              <a:gd name="connsiteX20" fmla="*/ 11998070 w 12193200"/>
              <a:gd name="connsiteY20" fmla="*/ 6633962 h 6861600"/>
              <a:gd name="connsiteX21" fmla="*/ 11456402 w 12193200"/>
              <a:gd name="connsiteY21" fmla="*/ 6855245 h 6861600"/>
              <a:gd name="connsiteX22" fmla="*/ 11494502 w 12193200"/>
              <a:gd name="connsiteY22" fmla="*/ 6855245 h 6861600"/>
              <a:gd name="connsiteX23" fmla="*/ 12009590 w 12193200"/>
              <a:gd name="connsiteY23" fmla="*/ 6642100 h 6861600"/>
              <a:gd name="connsiteX24" fmla="*/ 12193200 w 12193200"/>
              <a:gd name="connsiteY24" fmla="*/ 6551566 h 6861600"/>
              <a:gd name="connsiteX25" fmla="*/ 12193200 w 12193200"/>
              <a:gd name="connsiteY25" fmla="*/ 6861600 h 6861600"/>
              <a:gd name="connsiteX26" fmla="*/ 0 w 12193200"/>
              <a:gd name="connsiteY26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</a:cxnLst>
            <a:rect l="l" t="t" r="r" b="b"/>
            <a:pathLst>
              <a:path w="12193200" h="6861600">
                <a:moveTo>
                  <a:pt x="870044" y="5871915"/>
                </a:moveTo>
                <a:cubicBezTo>
                  <a:pt x="536909" y="5866747"/>
                  <a:pt x="255405" y="5898894"/>
                  <a:pt x="834" y="5970141"/>
                </a:cubicBezTo>
                <a:lnTo>
                  <a:pt x="834" y="5983264"/>
                </a:lnTo>
                <a:cubicBezTo>
                  <a:pt x="237901" y="5916420"/>
                  <a:pt x="497912" y="5883950"/>
                  <a:pt x="801527" y="5883950"/>
                </a:cubicBezTo>
                <a:cubicBezTo>
                  <a:pt x="932125" y="5883950"/>
                  <a:pt x="1070767" y="5889962"/>
                  <a:pt x="1219102" y="5901857"/>
                </a:cubicBezTo>
                <a:cubicBezTo>
                  <a:pt x="1678589" y="5938814"/>
                  <a:pt x="2210253" y="6029281"/>
                  <a:pt x="2825864" y="6134055"/>
                </a:cubicBezTo>
                <a:cubicBezTo>
                  <a:pt x="2933899" y="6152485"/>
                  <a:pt x="3045377" y="6171393"/>
                  <a:pt x="3160298" y="6190782"/>
                </a:cubicBezTo>
                <a:cubicBezTo>
                  <a:pt x="3810919" y="6300044"/>
                  <a:pt x="4388389" y="6401644"/>
                  <a:pt x="4897912" y="6490841"/>
                </a:cubicBezTo>
                <a:lnTo>
                  <a:pt x="4902611" y="6491687"/>
                </a:lnTo>
                <a:cubicBezTo>
                  <a:pt x="5811974" y="6651242"/>
                  <a:pt x="6530243" y="6777268"/>
                  <a:pt x="7142467" y="6857320"/>
                </a:cubicBezTo>
                <a:lnTo>
                  <a:pt x="7241781" y="6857320"/>
                </a:lnTo>
                <a:cubicBezTo>
                  <a:pt x="6610168" y="6778580"/>
                  <a:pt x="5856042" y="6646246"/>
                  <a:pt x="4904981" y="6479411"/>
                </a:cubicBezTo>
                <a:cubicBezTo>
                  <a:pt x="4395330" y="6389960"/>
                  <a:pt x="3817777" y="6288657"/>
                  <a:pt x="3162541" y="6178378"/>
                </a:cubicBezTo>
                <a:cubicBezTo>
                  <a:pt x="3051148" y="6159639"/>
                  <a:pt x="2942775" y="6141294"/>
                  <a:pt x="2837421" y="6123345"/>
                </a:cubicBezTo>
                <a:lnTo>
                  <a:pt x="2828108" y="6121779"/>
                </a:lnTo>
                <a:cubicBezTo>
                  <a:pt x="2212581" y="6017004"/>
                  <a:pt x="1680874" y="5926538"/>
                  <a:pt x="1221304" y="5889454"/>
                </a:cubicBezTo>
                <a:cubicBezTo>
                  <a:pt x="1097871" y="5879506"/>
                  <a:pt x="981089" y="5873637"/>
                  <a:pt x="870044" y="5871915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537681"/>
                </a:lnTo>
                <a:lnTo>
                  <a:pt x="11998070" y="6633962"/>
                </a:lnTo>
                <a:cubicBezTo>
                  <a:pt x="11806739" y="6724666"/>
                  <a:pt x="11629248" y="6797302"/>
                  <a:pt x="11456402" y="6855245"/>
                </a:cubicBezTo>
                <a:lnTo>
                  <a:pt x="11494502" y="6855245"/>
                </a:lnTo>
                <a:cubicBezTo>
                  <a:pt x="11659030" y="6798222"/>
                  <a:pt x="11828750" y="6727936"/>
                  <a:pt x="12009590" y="6642100"/>
                </a:cubicBezTo>
                <a:lnTo>
                  <a:pt x="12193200" y="6551566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144000" tIns="108000">
            <a:noAutofit/>
          </a:bodyPr>
          <a:lstStyle>
            <a:lvl1pPr marL="0" indent="0" algn="l">
              <a:buNone/>
              <a:defRPr sz="1598" b="0"/>
            </a:lvl1pPr>
          </a:lstStyle>
          <a:p>
            <a:r>
              <a:rPr lang="da-DK" dirty="0"/>
              <a:t>Marker rammen for at indsætte mørkt billede via Stifinder, eller marker rammen og vælg billede via Templafy-kolonnen til højre</a:t>
            </a:r>
            <a:endParaRPr lang="da-DK"/>
          </a:p>
        </p:txBody>
      </p:sp>
      <p:sp>
        <p:nvSpPr>
          <p:cNvPr id="15" name="Logo Placeholder">
            <a:extLst>
              <a:ext uri="{FF2B5EF4-FFF2-40B4-BE49-F238E27FC236}">
                <a16:creationId xmlns:a16="http://schemas.microsoft.com/office/drawing/2014/main" id="{BBDB856C-AE7E-4C83-9F99-8B3403E1D94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94435" y="6322066"/>
            <a:ext cx="1065600" cy="3312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7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95">
                <a:solidFill>
                  <a:schemeClr val="accent1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007067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844" userDrawn="1">
          <p15:clr>
            <a:srgbClr val="F26B43"/>
          </p15:clr>
        </p15:guide>
        <p15:guide id="3" orient="horz" pos="1638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840932BE-DDFC-4972-85A7-C427ACEB26D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ABC8CE2-3FE9-49DF-A5FE-682AACBA7F30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CDE982F8-DB66-4D32-95A2-375163C347B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9936A8CC-0D3C-4064-8E29-0B36B3DADA8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E54FBC1D-FD19-495F-88E4-3EE50DBBBE49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091178263" name="bylinje dynamik" descr="{&quot;templafy&quot;:{&quot;id&quot;:&quot;76ceffcc-f7a2-4e05-8b19-ed945233be2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058000"/>
            <a:ext cx="12193200" cy="1803108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7F65F358-3D0B-4C30-94C6-9BC8E1B3EA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2" y="665049"/>
            <a:ext cx="3444865" cy="1967143"/>
          </a:xfrm>
        </p:spPr>
        <p:txBody>
          <a:bodyPr bIns="72000" anchor="b" anchorCtr="0"/>
          <a:lstStyle>
            <a:lvl1pPr>
              <a:lnSpc>
                <a:spcPct val="9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 overskrift</a:t>
            </a:r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80000" y="2817045"/>
            <a:ext cx="3444866" cy="2093962"/>
          </a:xfrm>
        </p:spPr>
        <p:txBody>
          <a:bodyPr/>
          <a:lstStyle>
            <a:lvl1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1pPr>
            <a:lvl2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2pPr>
            <a:lvl3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3pPr>
            <a:lvl4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i="0" baseline="0">
                <a:solidFill>
                  <a:schemeClr val="bg1"/>
                </a:solidFill>
              </a:defRPr>
            </a:lvl4pPr>
            <a:lvl5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5pPr>
            <a:lvl6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6pPr>
            <a:lvl7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7pPr>
            <a:lvl8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defRPr sz="2400" b="0" baseline="0">
                <a:solidFill>
                  <a:schemeClr val="bg1"/>
                </a:solidFill>
              </a:defRPr>
            </a:lvl8pPr>
            <a:lvl9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defRPr sz="2400" b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02 niv</a:t>
            </a:r>
            <a:endParaRPr lang="da-DK"/>
          </a:p>
          <a:p>
            <a:pPr lvl="2"/>
            <a:r>
              <a:rPr lang="da-DK" dirty="0"/>
              <a:t>03 niv</a:t>
            </a:r>
            <a:endParaRPr lang="da-DK"/>
          </a:p>
          <a:p>
            <a:pPr lvl="3"/>
            <a:r>
              <a:rPr lang="da-DK" dirty="0"/>
              <a:t>04 niv</a:t>
            </a:r>
            <a:endParaRPr lang="da-DK"/>
          </a:p>
          <a:p>
            <a:pPr lvl="4"/>
            <a:r>
              <a:rPr lang="da-DK" dirty="0"/>
              <a:t>05 niv</a:t>
            </a:r>
            <a:endParaRPr lang="da-DK"/>
          </a:p>
          <a:p>
            <a:pPr lvl="5"/>
            <a:r>
              <a:rPr lang="da-DK" dirty="0"/>
              <a:t>06 niv</a:t>
            </a:r>
            <a:endParaRPr lang="da-DK"/>
          </a:p>
          <a:p>
            <a:pPr lvl="6"/>
            <a:r>
              <a:rPr lang="da-DK" dirty="0"/>
              <a:t>07 niv</a:t>
            </a:r>
            <a:endParaRPr lang="da-DK"/>
          </a:p>
          <a:p>
            <a:pPr lvl="7"/>
            <a:r>
              <a:rPr lang="da-DK" dirty="0"/>
              <a:t>08 niv</a:t>
            </a:r>
            <a:endParaRPr lang="da-DK"/>
          </a:p>
          <a:p>
            <a:pPr lvl="8"/>
            <a:r>
              <a:rPr lang="da-DK" dirty="0"/>
              <a:t>09 niv</a:t>
            </a:r>
            <a:endParaRPr lang="da-DK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656439" y="1226371"/>
            <a:ext cx="4454475" cy="3987688"/>
          </a:xfrm>
        </p:spPr>
        <p:txBody>
          <a:bodyPr/>
          <a:lstStyle>
            <a:lvl1pPr marL="251748" indent="-251748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+mj-lt"/>
              <a:buAutoNum type="arabicPeriod"/>
              <a:defRPr sz="14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 i="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punkt</a:t>
            </a:r>
            <a:endParaRPr lang="da-DK"/>
          </a:p>
          <a:p>
            <a:pPr lvl="1"/>
            <a:r>
              <a:rPr lang="da-DK" noProof="0" dirty="0"/>
              <a:t>2 Niveau</a:t>
            </a:r>
            <a:endParaRPr lang="da-DK"/>
          </a:p>
          <a:p>
            <a:pPr lvl="2"/>
            <a:r>
              <a:rPr lang="da-DK" noProof="0" dirty="0"/>
              <a:t>3 Niveau</a:t>
            </a:r>
            <a:endParaRPr lang="da-DK"/>
          </a:p>
          <a:p>
            <a:pPr lvl="3"/>
            <a:r>
              <a:rPr lang="da-DK" noProof="0" dirty="0"/>
              <a:t>4 Niveau</a:t>
            </a:r>
            <a:endParaRPr lang="da-DK"/>
          </a:p>
          <a:p>
            <a:pPr lvl="4"/>
            <a:r>
              <a:rPr lang="da-DK" noProof="0" dirty="0"/>
              <a:t>5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630307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3" userDrawn="1">
          <p15:clr>
            <a:srgbClr val="F26B43"/>
          </p15:clr>
        </p15:guide>
        <p15:guide id="2" pos="2852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5A91C345-5BF5-45F9-9997-3566FC42319C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En breaker er god til at skabe ophold i din præsentation. Du kan fremhæve en del af teksten ved at ændre det til en mørk farve, som passer til baggrunden</a:t>
            </a:r>
            <a:endParaRPr lang="da-DK"/>
          </a:p>
        </p:txBody>
      </p:sp>
      <p:sp>
        <p:nvSpPr>
          <p:cNvPr id="7" name="Background"/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0" name="Bølge">
            <a:extLst>
              <a:ext uri="{FF2B5EF4-FFF2-40B4-BE49-F238E27FC236}">
                <a16:creationId xmlns:a16="http://schemas.microsoft.com/office/drawing/2014/main" id="{72D65362-70C1-477D-BF20-2EAFE8A4D8DF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79500" y="1436994"/>
            <a:ext cx="7560000" cy="4192281"/>
          </a:xfrm>
        </p:spPr>
        <p:txBody>
          <a:bodyPr anchor="t" anchorCtr="0"/>
          <a:lstStyle>
            <a:lvl1pPr algn="l">
              <a:defRPr sz="3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titel </a:t>
            </a:r>
            <a:br>
              <a:rPr lang="da-DK" dirty="0"/>
            </a:b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E1B5F5-9A57-4240-BBE9-B680436A2E0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29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CB6D23E-AC17-40E0-9F61-8C9B0F1FED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2AEF3E-8EA4-4289-82FA-47EB77D3CB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4" userDrawn="1">
          <p15:clr>
            <a:srgbClr val="F26B43"/>
          </p15:clr>
        </p15:guide>
        <p15:guide id="2" pos="5443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og 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Box 14">
            <a:extLst>
              <a:ext uri="{FF2B5EF4-FFF2-40B4-BE49-F238E27FC236}">
                <a16:creationId xmlns:a16="http://schemas.microsoft.com/office/drawing/2014/main" id="{2FFFF75C-6703-45BD-9121-342A091D9D31}"/>
              </a:ext>
            </a:extLst>
          </p:cNvPr>
          <p:cNvSpPr txBox="1"/>
          <p:nvPr userDrawn="1"/>
        </p:nvSpPr>
        <p:spPr>
          <a:xfrm>
            <a:off x="6715125" y="-422507"/>
            <a:ext cx="5438260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r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6EDC70F-79D4-4C82-89A9-B305EECBEA0A}"/>
              </a:ext>
            </a:extLst>
          </p:cNvPr>
          <p:cNvSpPr txBox="1"/>
          <p:nvPr userDrawn="1"/>
        </p:nvSpPr>
        <p:spPr>
          <a:xfrm>
            <a:off x="19664" y="6905190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En breaker er god til at skabe ophold i din præsentation. Du kan fremhæve en del af teksten ved at ændre det til en mørk farve, som passer til baggrunden</a:t>
            </a:r>
            <a:endParaRPr lang="da-DK"/>
          </a:p>
        </p:txBody>
      </p:sp>
      <p:sp>
        <p:nvSpPr>
          <p:cNvPr id="7" name="Background"/>
          <p:cNvSpPr/>
          <p:nvPr userDrawn="1"/>
        </p:nvSpPr>
        <p:spPr bwMode="black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1" name="Bølge">
            <a:extLst>
              <a:ext uri="{FF2B5EF4-FFF2-40B4-BE49-F238E27FC236}">
                <a16:creationId xmlns:a16="http://schemas.microsoft.com/office/drawing/2014/main" id="{E29F4B4E-5628-4578-B7FC-EC53CCE3F37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0" name="Picture Placeholder 15">
            <a:extLst>
              <a:ext uri="{FF2B5EF4-FFF2-40B4-BE49-F238E27FC236}">
                <a16:creationId xmlns:a16="http://schemas.microsoft.com/office/drawing/2014/main" id="{ED6FEF3C-882F-49A4-8D99-2EFF11D53F2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717384" y="0"/>
            <a:ext cx="5474615" cy="5957535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360000" tIns="1116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79500" y="1436994"/>
            <a:ext cx="5161044" cy="4192281"/>
          </a:xfrm>
        </p:spPr>
        <p:txBody>
          <a:bodyPr anchor="t" anchorCtr="0"/>
          <a:lstStyle>
            <a:lvl1pPr algn="l">
              <a:defRPr sz="3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titel </a:t>
            </a:r>
            <a:br>
              <a:rPr lang="da-DK" dirty="0"/>
            </a:b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E1B5F5-9A57-4240-BBE9-B680436A2E0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29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CB6D23E-AC17-40E0-9F61-8C9B0F1FED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2AEF3E-8EA4-4289-82FA-47EB77D3CB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657336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3931" userDrawn="1">
          <p15:clr>
            <a:srgbClr val="F26B43"/>
          </p15:clr>
        </p15:guide>
        <p15:guide id="3" pos="4230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2 linjer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Box 7">
            <a:extLst>
              <a:ext uri="{FF2B5EF4-FFF2-40B4-BE49-F238E27FC236}">
                <a16:creationId xmlns:a16="http://schemas.microsoft.com/office/drawing/2014/main" id="{82E3E3C3-9103-45B1-9615-9BC1772A8C51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841340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845" userDrawn="1">
          <p15:clr>
            <a:srgbClr val="F26B43"/>
          </p15:clr>
        </p15:guide>
        <p15:guide id="2" orient="horz" pos="159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2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82EB2015-2665-4BA3-B33D-8EE361DD7975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766798"/>
            <a:ext cx="4781259" cy="1296000"/>
          </a:xfrm>
        </p:spPr>
        <p:txBody>
          <a:bodyPr anchor="t" anchorCtr="0"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0" y="2149302"/>
            <a:ext cx="4781260" cy="3480781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0D76E3AD-508F-4499-A1AA-7DE5F63BA2A7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6330741" y="766800"/>
            <a:ext cx="4781260" cy="4863283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854330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2" userDrawn="1">
          <p15:clr>
            <a:srgbClr val="F26B43"/>
          </p15:clr>
        </p15:guide>
        <p15:guide id="2" pos="3695" userDrawn="1">
          <p15:clr>
            <a:srgbClr val="F26B43"/>
          </p15:clr>
        </p15:guide>
        <p15:guide id="3" pos="3985" userDrawn="1">
          <p15:clr>
            <a:srgbClr val="F26B43"/>
          </p15:clr>
        </p15:guide>
        <p15:guide id="4" orient="horz" pos="480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dia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C1AFC643-4257-4D6F-A2ED-1935528D6D85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356DE911-799F-462A-B482-971AA833F246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116DDE29-0C61-4E56-A800-46D06466A7C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5802C6EB-F134-489A-9E4D-BBDBEB49ED7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Background">
            <a:extLst>
              <a:ext uri="{FF2B5EF4-FFF2-40B4-BE49-F238E27FC236}">
                <a16:creationId xmlns:a16="http://schemas.microsoft.com/office/drawing/2014/main" id="{CCA7EC2E-46CC-4157-AA02-1FE3E73AD322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97C4CFF1-174A-4E42-809D-EBD5D6D402B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194435" y="6322068"/>
            <a:ext cx="1063844" cy="33170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1337187"/>
            <a:ext cx="8441071" cy="1189703"/>
          </a:xfrm>
        </p:spPr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5" name="Chart Placeholder 4">
            <a:extLst>
              <a:ext uri="{FF2B5EF4-FFF2-40B4-BE49-F238E27FC236}">
                <a16:creationId xmlns:a16="http://schemas.microsoft.com/office/drawing/2014/main" id="{2F4B99A4-B10B-43EA-AE87-4057583F1B26}"/>
              </a:ext>
            </a:extLst>
          </p:cNvPr>
          <p:cNvSpPr>
            <a:spLocks noGrp="1"/>
          </p:cNvSpPr>
          <p:nvPr>
            <p:ph type="chart" sz="quarter" idx="20" hasCustomPrompt="1"/>
          </p:nvPr>
        </p:nvSpPr>
        <p:spPr>
          <a:xfrm>
            <a:off x="1079500" y="2930525"/>
            <a:ext cx="8442325" cy="3925888"/>
          </a:xfrm>
        </p:spPr>
        <p:txBody>
          <a:bodyPr tIns="648000" anchor="ctr" anchorCtr="0"/>
          <a:lstStyle>
            <a:lvl1pPr marL="0" indent="0" algn="ctr">
              <a:buNone/>
              <a:defRPr sz="1800" b="0"/>
            </a:lvl1pPr>
          </a:lstStyle>
          <a:p>
            <a:r>
              <a:rPr lang="da-DK" noProof="0" dirty="0"/>
              <a:t>Klik for at tilføje diagram</a:t>
            </a:r>
            <a:endParaRPr lang="da-DK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4E067B26-E029-42C7-A05A-000DD9884D3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194925" y="1587657"/>
            <a:ext cx="1333500" cy="2214563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 i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555427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845" userDrawn="1">
          <p15:clr>
            <a:srgbClr val="F26B43"/>
          </p15:clr>
        </p15:guide>
        <p15:guide id="2" orient="horz" pos="1592" userDrawn="1">
          <p15:clr>
            <a:srgbClr val="F26B43"/>
          </p15:clr>
        </p15:guide>
        <p15:guide id="3" pos="5999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image" Target="../media/image2.svg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image" Target="../media/image4.sv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image" Target="../media/image3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ølge">
            <a:extLst>
              <a:ext uri="{FF2B5EF4-FFF2-40B4-BE49-F238E27FC236}">
                <a16:creationId xmlns:a16="http://schemas.microsoft.com/office/drawing/2014/main" id="{180928A0-4FF8-4EFC-AF2B-48653B4DFC8B}"/>
              </a:ext>
            </a:extLst>
          </p:cNvPr>
          <p:cNvPicPr>
            <a:picLocks noChangeAspect="1"/>
          </p:cNvPicPr>
          <p:nvPr userDrawn="1"/>
        </p:nvPicPr>
        <p:blipFill>
          <a:blip r:embed="rId2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6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A6F78059-7A45-436B-B5EC-4C9861286D7D}"/>
              </a:ext>
            </a:extLst>
          </p:cNvPr>
          <p:cNvPicPr>
            <a:picLocks noChangeAspect="1"/>
          </p:cNvPicPr>
          <p:nvPr userDrawn="1"/>
        </p:nvPicPr>
        <p:blipFill>
          <a:blip r:embed="rId2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8"/>
              </a:ext>
            </a:extLst>
          </a:blip>
          <a:stretch>
            <a:fillRect/>
          </a:stretch>
        </p:blipFill>
        <p:spPr>
          <a:xfrm>
            <a:off x="10194435" y="6322068"/>
            <a:ext cx="1063844" cy="33170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1" y="1337187"/>
            <a:ext cx="10031999" cy="118970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80000" y="2930874"/>
            <a:ext cx="10031999" cy="269920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, bullet</a:t>
            </a:r>
            <a:endParaRPr lang="da-DK"/>
          </a:p>
          <a:p>
            <a:pPr lvl="1"/>
            <a:r>
              <a:rPr lang="da-DK" noProof="0" dirty="0"/>
              <a:t>Niveau 2</a:t>
            </a:r>
            <a:endParaRPr lang="da-DK"/>
          </a:p>
          <a:p>
            <a:pPr lvl="2"/>
            <a:r>
              <a:rPr lang="da-DK" noProof="0" dirty="0"/>
              <a:t>Niveau 3</a:t>
            </a:r>
            <a:endParaRPr lang="da-DK"/>
          </a:p>
          <a:p>
            <a:pPr lvl="3"/>
            <a:r>
              <a:rPr lang="da-DK" noProof="0" dirty="0"/>
              <a:t>Niveau 4, kursiv</a:t>
            </a:r>
            <a:endParaRPr lang="da-DK"/>
          </a:p>
          <a:p>
            <a:pPr lvl="4"/>
            <a:r>
              <a:rPr lang="da-DK" noProof="0" dirty="0"/>
              <a:t>Niveau 5, Overskrift</a:t>
            </a:r>
            <a:endParaRPr lang="da-DK"/>
          </a:p>
          <a:p>
            <a:pPr lvl="5"/>
            <a:r>
              <a:rPr lang="da-DK" noProof="0" dirty="0"/>
              <a:t>Niveau 6, Brødtekst</a:t>
            </a:r>
            <a:endParaRPr lang="da-DK"/>
          </a:p>
          <a:p>
            <a:pPr lvl="6"/>
            <a:r>
              <a:rPr lang="da-DK" noProof="0" dirty="0"/>
              <a:t>Niveau 7, Rapport bullet</a:t>
            </a:r>
            <a:endParaRPr lang="da-DK"/>
          </a:p>
          <a:p>
            <a:pPr lvl="7"/>
            <a:r>
              <a:rPr lang="da-DK" noProof="0" dirty="0"/>
              <a:t>Niveau 8, Rapport overskrift</a:t>
            </a:r>
            <a:endParaRPr lang="da-DK"/>
          </a:p>
          <a:p>
            <a:pPr lvl="8"/>
            <a:r>
              <a:rPr lang="da-DK" noProof="0" dirty="0"/>
              <a:t>Niveau 9; Rapport brødtekst</a:t>
            </a:r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79999" y="6407955"/>
            <a:ext cx="39492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9"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605989" y="6407955"/>
            <a:ext cx="67158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9">
                <a:solidFill>
                  <a:schemeClr val="tx1"/>
                </a:solidFill>
              </a:defRPr>
            </a:lvl1pPr>
          </a:lstStyle>
          <a:p>
            <a:fld id="{F04E0320-4C6E-4126-92A5-A266F2F4E839}" type="datetime6">
              <a:rPr lang="da-DK" smtClean="0"/>
              <a:t>29.3.2023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408640" y="6407955"/>
            <a:ext cx="160710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9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815" r:id="rId2"/>
    <p:sldLayoutId id="2147483784" r:id="rId3"/>
    <p:sldLayoutId id="2147483763" r:id="rId4"/>
    <p:sldLayoutId id="2147483731" r:id="rId5"/>
    <p:sldLayoutId id="2147483792" r:id="rId6"/>
    <p:sldLayoutId id="2147483796" r:id="rId7"/>
    <p:sldLayoutId id="2147483811" r:id="rId8"/>
    <p:sldLayoutId id="2147483794" r:id="rId9"/>
    <p:sldLayoutId id="2147483776" r:id="rId10"/>
    <p:sldLayoutId id="2147483816" r:id="rId11"/>
    <p:sldLayoutId id="2147483791" r:id="rId12"/>
    <p:sldLayoutId id="2147483732" r:id="rId13"/>
    <p:sldLayoutId id="2147483795" r:id="rId14"/>
    <p:sldLayoutId id="2147483810" r:id="rId15"/>
    <p:sldLayoutId id="2147483804" r:id="rId16"/>
    <p:sldLayoutId id="2147483813" r:id="rId17"/>
    <p:sldLayoutId id="2147483743" r:id="rId18"/>
    <p:sldLayoutId id="2147483744" r:id="rId19"/>
    <p:sldLayoutId id="2147483817" r:id="rId20"/>
    <p:sldLayoutId id="2147483771" r:id="rId21"/>
    <p:sldLayoutId id="2147483814" r:id="rId22"/>
    <p:sldLayoutId id="2147483753" r:id="rId23"/>
  </p:sldLayoutIdLst>
  <p:hf hdr="0" ftr="0" dt="0"/>
  <p:txStyles>
    <p:titleStyle>
      <a:lvl1pPr algn="l" defTabSz="913486" rtl="0" eaLnBrk="1" latinLnBrk="0" hangingPunct="1">
        <a:lnSpc>
          <a:spcPct val="100000"/>
        </a:lnSpc>
        <a:spcBef>
          <a:spcPct val="0"/>
        </a:spcBef>
        <a:buNone/>
        <a:defRPr sz="4400" kern="1200">
          <a:solidFill>
            <a:srgbClr val="02718F"/>
          </a:solidFill>
          <a:latin typeface="+mj-lt"/>
          <a:ea typeface="+mj-ea"/>
          <a:cs typeface="+mj-cs"/>
        </a:defRPr>
      </a:lvl1pPr>
    </p:titleStyle>
    <p:bodyStyle>
      <a:lvl1pPr marL="251748" indent="-251748" algn="l" defTabSz="913486" rtl="0" eaLnBrk="1" latinLnBrk="0" hangingPunct="1">
        <a:lnSpc>
          <a:spcPct val="105000"/>
        </a:lnSpc>
        <a:spcBef>
          <a:spcPts val="200"/>
        </a:spcBef>
        <a:spcAft>
          <a:spcPts val="600"/>
        </a:spcAft>
        <a:buFont typeface="Arial" panose="020B0604020202020204" pitchFamily="34" charset="0"/>
        <a:buChar char="•"/>
        <a:defRPr sz="24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503496" indent="-251748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755244" indent="-251748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598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598" b="0" i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400" b="1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400" b="0" kern="1200">
          <a:solidFill>
            <a:schemeClr val="tx1"/>
          </a:solidFill>
          <a:latin typeface="+mn-lt"/>
          <a:ea typeface="+mn-ea"/>
          <a:cs typeface="+mn-cs"/>
        </a:defRPr>
      </a:lvl6pPr>
      <a:lvl7pPr marL="171450" indent="-17145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1pPr>
      <a:lvl2pPr marL="456743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2pPr>
      <a:lvl3pPr marL="913486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3pPr>
      <a:lvl4pPr marL="1370228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4pPr>
      <a:lvl5pPr marL="1826971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5pPr>
      <a:lvl6pPr marL="2283714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6pPr>
      <a:lvl7pPr marL="2740457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7pPr>
      <a:lvl8pPr marL="3197200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8pPr>
      <a:lvl9pPr marL="3653942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80" userDrawn="1">
          <p15:clr>
            <a:srgbClr val="F26B43"/>
          </p15:clr>
        </p15:guide>
        <p15:guide id="2" pos="6999" userDrawn="1">
          <p15:clr>
            <a:srgbClr val="F26B43"/>
          </p15:clr>
        </p15:guide>
        <p15:guide id="6" orient="horz" pos="3546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png"/><Relationship Id="rId13" Type="http://schemas.openxmlformats.org/officeDocument/2006/relationships/image" Target="../media/image35.png"/><Relationship Id="rId3" Type="http://schemas.openxmlformats.org/officeDocument/2006/relationships/image" Target="../media/image25.png"/><Relationship Id="rId7" Type="http://schemas.openxmlformats.org/officeDocument/2006/relationships/image" Target="../media/image29.png"/><Relationship Id="rId12" Type="http://schemas.openxmlformats.org/officeDocument/2006/relationships/image" Target="../media/image34.emf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9.xml"/><Relationship Id="rId6" Type="http://schemas.openxmlformats.org/officeDocument/2006/relationships/image" Target="../media/image28.png"/><Relationship Id="rId11" Type="http://schemas.openxmlformats.org/officeDocument/2006/relationships/image" Target="../media/image33.emf"/><Relationship Id="rId5" Type="http://schemas.openxmlformats.org/officeDocument/2006/relationships/image" Target="../media/image27.png"/><Relationship Id="rId10" Type="http://schemas.openxmlformats.org/officeDocument/2006/relationships/image" Target="../media/image32.png"/><Relationship Id="rId4" Type="http://schemas.openxmlformats.org/officeDocument/2006/relationships/image" Target="../media/image26.emf"/><Relationship Id="rId9" Type="http://schemas.openxmlformats.org/officeDocument/2006/relationships/image" Target="../media/image31.emf"/><Relationship Id="rId14" Type="http://schemas.openxmlformats.org/officeDocument/2006/relationships/image" Target="../media/image36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png"/><Relationship Id="rId13" Type="http://schemas.openxmlformats.org/officeDocument/2006/relationships/image" Target="../media/image42.png"/><Relationship Id="rId3" Type="http://schemas.openxmlformats.org/officeDocument/2006/relationships/image" Target="../media/image29.png"/><Relationship Id="rId7" Type="http://schemas.openxmlformats.org/officeDocument/2006/relationships/image" Target="../media/image40.png"/><Relationship Id="rId12" Type="http://schemas.openxmlformats.org/officeDocument/2006/relationships/image" Target="../media/image34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9.xml"/><Relationship Id="rId6" Type="http://schemas.openxmlformats.org/officeDocument/2006/relationships/image" Target="../media/image39.png"/><Relationship Id="rId11" Type="http://schemas.openxmlformats.org/officeDocument/2006/relationships/image" Target="../media/image33.emf"/><Relationship Id="rId5" Type="http://schemas.openxmlformats.org/officeDocument/2006/relationships/image" Target="../media/image38.png"/><Relationship Id="rId10" Type="http://schemas.openxmlformats.org/officeDocument/2006/relationships/image" Target="../media/image41.png"/><Relationship Id="rId4" Type="http://schemas.openxmlformats.org/officeDocument/2006/relationships/image" Target="../media/image37.png"/><Relationship Id="rId9" Type="http://schemas.openxmlformats.org/officeDocument/2006/relationships/image" Target="../media/image31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18" name="Title 17">
            <a:extLst>
              <a:ext uri="{FF2B5EF4-FFF2-40B4-BE49-F238E27FC236}">
                <a16:creationId xmlns:a16="http://schemas.microsoft.com/office/drawing/2014/main" id="{41C04DA5-BF9E-4DB5-B9F5-955B26DB28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2" y="665049"/>
            <a:ext cx="10622263" cy="1967143"/>
          </a:xfrm>
        </p:spPr>
        <p:txBody>
          <a:bodyPr/>
          <a:lstStyle/>
          <a:p>
            <a:r>
              <a:rPr lang="da-DK" dirty="0"/>
              <a:t>Demenshandlingsplan 2023-2025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A426C6C-C7E8-4397-894A-12227F9FC6C4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080000" y="4140485"/>
            <a:ext cx="3444866" cy="770522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6EDD7D71-2E4C-4459-A612-AA4D628F7E4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736494" y="5065159"/>
            <a:ext cx="374420" cy="148899"/>
          </a:xfrm>
        </p:spPr>
        <p:txBody>
          <a:bodyPr/>
          <a:lstStyle/>
          <a:p>
            <a:pPr marL="0" indent="0">
              <a:buNone/>
            </a:pP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7259509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nummer 1">
            <a:extLst>
              <a:ext uri="{FF2B5EF4-FFF2-40B4-BE49-F238E27FC236}">
                <a16:creationId xmlns:a16="http://schemas.microsoft.com/office/drawing/2014/main" id="{6EFBF6CA-6F95-48E7-9E2D-8D8EB42F41C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7D294826-30B0-44EF-B331-F1B04C8445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2" y="665049"/>
            <a:ext cx="4272834" cy="1967143"/>
          </a:xfrm>
        </p:spPr>
        <p:txBody>
          <a:bodyPr/>
          <a:lstStyle/>
          <a:p>
            <a:r>
              <a:rPr lang="da-DK" dirty="0"/>
              <a:t>Kerneværdier</a:t>
            </a:r>
            <a:br>
              <a:rPr lang="da-DK" dirty="0"/>
            </a:br>
            <a:r>
              <a:rPr lang="da-DK" dirty="0"/>
              <a:t>- og proces</a:t>
            </a:r>
          </a:p>
        </p:txBody>
      </p:sp>
      <p:sp>
        <p:nvSpPr>
          <p:cNvPr id="4" name="Pladsholder til tekst 3">
            <a:extLst>
              <a:ext uri="{FF2B5EF4-FFF2-40B4-BE49-F238E27FC236}">
                <a16:creationId xmlns:a16="http://schemas.microsoft.com/office/drawing/2014/main" id="{A49DEE50-1BBC-4C1B-93D4-B4CA264E950F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080000" y="2817045"/>
            <a:ext cx="3444866" cy="2319498"/>
          </a:xfrm>
        </p:spPr>
        <p:txBody>
          <a:bodyPr/>
          <a:lstStyle/>
          <a:p>
            <a:r>
              <a:rPr lang="da-DK" dirty="0"/>
              <a:t>PROCES:</a:t>
            </a:r>
          </a:p>
          <a:p>
            <a:pPr>
              <a:buNone/>
            </a:pPr>
            <a:r>
              <a:rPr lang="da-DK" dirty="0"/>
              <a:t>- Inddragelse af ledere og faglige specialister</a:t>
            </a:r>
          </a:p>
          <a:p>
            <a:pPr>
              <a:buNone/>
            </a:pPr>
            <a:r>
              <a:rPr lang="da-DK" dirty="0"/>
              <a:t>- Workshop</a:t>
            </a:r>
          </a:p>
          <a:p>
            <a:pPr>
              <a:buNone/>
            </a:pPr>
            <a:r>
              <a:rPr lang="da-DK" dirty="0"/>
              <a:t>- Høring i demensteamet</a:t>
            </a:r>
          </a:p>
          <a:p>
            <a:pPr marL="342900" indent="-342900"/>
            <a:endParaRPr lang="da-DK" dirty="0"/>
          </a:p>
          <a:p>
            <a:endParaRPr lang="da-DK" dirty="0"/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9E2FEBAD-AAC9-4997-8882-AB0B667146E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Værdighe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Tryghe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Indflydelse på eget liv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Respekt for forskellighed og det levede liv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En individuel og helhedsorienteret tilgang til hjælp og pleje med udgangspunkt i mennesket bag sygdomm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Meningsfulde aktiviteter og gode oplevelser i hverdagen</a:t>
            </a:r>
          </a:p>
        </p:txBody>
      </p:sp>
    </p:spTree>
    <p:extLst>
      <p:ext uri="{BB962C8B-B14F-4D97-AF65-F5344CB8AC3E}">
        <p14:creationId xmlns:p14="http://schemas.microsoft.com/office/powerpoint/2010/main" val="315080769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>
            <a:extLst>
              <a:ext uri="{FF2B5EF4-FFF2-40B4-BE49-F238E27FC236}">
                <a16:creationId xmlns:a16="http://schemas.microsoft.com/office/drawing/2014/main" id="{BF8C22B0-DA4E-4624-BC99-265F1A1DC18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972439" y="-160460"/>
            <a:ext cx="6235390" cy="6858000"/>
          </a:xfrm>
          <a:prstGeom prst="rect">
            <a:avLst/>
          </a:prstGeom>
        </p:spPr>
      </p:pic>
      <p:sp>
        <p:nvSpPr>
          <p:cNvPr id="7" name="Ellipse 6">
            <a:extLst>
              <a:ext uri="{FF2B5EF4-FFF2-40B4-BE49-F238E27FC236}">
                <a16:creationId xmlns:a16="http://schemas.microsoft.com/office/drawing/2014/main" id="{57973A2E-3C9F-469D-915C-61F48EAA8825}"/>
              </a:ext>
            </a:extLst>
          </p:cNvPr>
          <p:cNvSpPr/>
          <p:nvPr/>
        </p:nvSpPr>
        <p:spPr>
          <a:xfrm>
            <a:off x="3984589" y="796570"/>
            <a:ext cx="4211091" cy="4197935"/>
          </a:xfrm>
          <a:prstGeom prst="ellipse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2" name="Pladsholder til slidenummer 1">
            <a:extLst>
              <a:ext uri="{FF2B5EF4-FFF2-40B4-BE49-F238E27FC236}">
                <a16:creationId xmlns:a16="http://schemas.microsoft.com/office/drawing/2014/main" id="{7FE703E2-01FB-466B-92AC-25495D9908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90B01091-BB0D-438C-A7D5-29071C5E159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009024" y="1479110"/>
            <a:ext cx="2162222" cy="3009900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32832AE0-E787-44BA-907B-61A93A1DA97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377066" y="6244949"/>
            <a:ext cx="585267" cy="579170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89B2F005-3E1E-4CB5-8C6C-5F3E5C35828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522301" y="6244949"/>
            <a:ext cx="469433" cy="506012"/>
          </a:xfrm>
          <a:prstGeom prst="rect">
            <a:avLst/>
          </a:prstGeom>
        </p:spPr>
      </p:pic>
      <p:pic>
        <p:nvPicPr>
          <p:cNvPr id="17" name="Billede 16">
            <a:extLst>
              <a:ext uri="{FF2B5EF4-FFF2-40B4-BE49-F238E27FC236}">
                <a16:creationId xmlns:a16="http://schemas.microsoft.com/office/drawing/2014/main" id="{2521F642-3C98-4EBB-A7BC-9001D44D8D2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670773" y="3160688"/>
            <a:ext cx="507009" cy="506635"/>
          </a:xfrm>
          <a:prstGeom prst="rect">
            <a:avLst/>
          </a:prstGeom>
        </p:spPr>
      </p:pic>
      <p:pic>
        <p:nvPicPr>
          <p:cNvPr id="18" name="Billede 17">
            <a:extLst>
              <a:ext uri="{FF2B5EF4-FFF2-40B4-BE49-F238E27FC236}">
                <a16:creationId xmlns:a16="http://schemas.microsoft.com/office/drawing/2014/main" id="{48EAA137-619A-419E-9D13-5EE167C0E6AD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423757" y="1800988"/>
            <a:ext cx="528782" cy="528782"/>
          </a:xfrm>
          <a:prstGeom prst="rect">
            <a:avLst/>
          </a:prstGeom>
        </p:spPr>
      </p:pic>
      <p:pic>
        <p:nvPicPr>
          <p:cNvPr id="19" name="Billede 18">
            <a:extLst>
              <a:ext uri="{FF2B5EF4-FFF2-40B4-BE49-F238E27FC236}">
                <a16:creationId xmlns:a16="http://schemas.microsoft.com/office/drawing/2014/main" id="{21C02DB6-0055-4722-B4E5-D913BF21A33E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5853015" y="868434"/>
            <a:ext cx="628544" cy="628544"/>
          </a:xfrm>
          <a:prstGeom prst="rect">
            <a:avLst/>
          </a:prstGeom>
        </p:spPr>
      </p:pic>
      <p:pic>
        <p:nvPicPr>
          <p:cNvPr id="20" name="Billede 19">
            <a:extLst>
              <a:ext uri="{FF2B5EF4-FFF2-40B4-BE49-F238E27FC236}">
                <a16:creationId xmlns:a16="http://schemas.microsoft.com/office/drawing/2014/main" id="{9170B5F1-1A82-47F5-BA55-FAC993C815F7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7227731" y="1748359"/>
            <a:ext cx="634039" cy="634039"/>
          </a:xfrm>
          <a:prstGeom prst="rect">
            <a:avLst/>
          </a:prstGeom>
        </p:spPr>
      </p:pic>
      <p:pic>
        <p:nvPicPr>
          <p:cNvPr id="21" name="Billede 20">
            <a:extLst>
              <a:ext uri="{FF2B5EF4-FFF2-40B4-BE49-F238E27FC236}">
                <a16:creationId xmlns:a16="http://schemas.microsoft.com/office/drawing/2014/main" id="{CB6896AE-C672-4D9B-B40A-14386DE1829B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7166827" y="3160688"/>
            <a:ext cx="536719" cy="633773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B5A66EAF-68BA-491E-8F58-166B48B5D093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7366159" y="652990"/>
            <a:ext cx="409401" cy="430888"/>
          </a:xfrm>
          <a:prstGeom prst="rect">
            <a:avLst/>
          </a:prstGeom>
        </p:spPr>
      </p:pic>
      <p:sp>
        <p:nvSpPr>
          <p:cNvPr id="23" name="Tekstfelt 22">
            <a:extLst>
              <a:ext uri="{FF2B5EF4-FFF2-40B4-BE49-F238E27FC236}">
                <a16:creationId xmlns:a16="http://schemas.microsoft.com/office/drawing/2014/main" id="{483EF74B-ECD7-4038-AECD-638B7527C5FF}"/>
              </a:ext>
            </a:extLst>
          </p:cNvPr>
          <p:cNvSpPr txBox="1"/>
          <p:nvPr/>
        </p:nvSpPr>
        <p:spPr>
          <a:xfrm>
            <a:off x="5177782" y="4447610"/>
            <a:ext cx="1989045" cy="2308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500" dirty="0">
                <a:solidFill>
                  <a:srgbClr val="5193AD"/>
                </a:solidFill>
              </a:rPr>
              <a:t>Borger og pårørende</a:t>
            </a:r>
          </a:p>
        </p:txBody>
      </p:sp>
      <p:pic>
        <p:nvPicPr>
          <p:cNvPr id="25" name="Billede 24">
            <a:extLst>
              <a:ext uri="{FF2B5EF4-FFF2-40B4-BE49-F238E27FC236}">
                <a16:creationId xmlns:a16="http://schemas.microsoft.com/office/drawing/2014/main" id="{9AFD1C51-2672-4E00-9EA6-87B5F444FC0D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4334162" y="6144708"/>
            <a:ext cx="542925" cy="628650"/>
          </a:xfrm>
          <a:prstGeom prst="rect">
            <a:avLst/>
          </a:prstGeom>
        </p:spPr>
      </p:pic>
      <p:pic>
        <p:nvPicPr>
          <p:cNvPr id="27" name="Billede 26">
            <a:extLst>
              <a:ext uri="{FF2B5EF4-FFF2-40B4-BE49-F238E27FC236}">
                <a16:creationId xmlns:a16="http://schemas.microsoft.com/office/drawing/2014/main" id="{2066D25C-F424-4107-888C-3ED0FEAD9232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7434161" y="6158354"/>
            <a:ext cx="647700" cy="6191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9411818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l: højre 2">
            <a:extLst>
              <a:ext uri="{FF2B5EF4-FFF2-40B4-BE49-F238E27FC236}">
                <a16:creationId xmlns:a16="http://schemas.microsoft.com/office/drawing/2014/main" id="{756B83CD-0E78-46EF-82B0-5EFA04EAF82C}"/>
              </a:ext>
            </a:extLst>
          </p:cNvPr>
          <p:cNvSpPr/>
          <p:nvPr/>
        </p:nvSpPr>
        <p:spPr>
          <a:xfrm>
            <a:off x="447040" y="270045"/>
            <a:ext cx="11297920" cy="823068"/>
          </a:xfrm>
          <a:prstGeom prst="rightArrow">
            <a:avLst/>
          </a:prstGeom>
          <a:solidFill>
            <a:schemeClr val="accent3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53768696-8B8F-4944-9D74-D538DA11E81C}"/>
              </a:ext>
            </a:extLst>
          </p:cNvPr>
          <p:cNvSpPr txBox="1"/>
          <p:nvPr/>
        </p:nvSpPr>
        <p:spPr>
          <a:xfrm>
            <a:off x="1422400" y="521475"/>
            <a:ext cx="863600" cy="33855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2200" b="1" dirty="0">
                <a:solidFill>
                  <a:schemeClr val="bg1"/>
                </a:solidFill>
              </a:rPr>
              <a:t>2023</a:t>
            </a:r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30F1C856-CD09-4EAD-9C66-1EEEA4130659}"/>
              </a:ext>
            </a:extLst>
          </p:cNvPr>
          <p:cNvSpPr txBox="1"/>
          <p:nvPr/>
        </p:nvSpPr>
        <p:spPr>
          <a:xfrm>
            <a:off x="5664200" y="521524"/>
            <a:ext cx="863600" cy="33855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2200" b="1" dirty="0">
                <a:solidFill>
                  <a:schemeClr val="bg1"/>
                </a:solidFill>
              </a:rPr>
              <a:t>2024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7A311CED-5BB1-44CB-A720-69FF20877E03}"/>
              </a:ext>
            </a:extLst>
          </p:cNvPr>
          <p:cNvSpPr txBox="1"/>
          <p:nvPr/>
        </p:nvSpPr>
        <p:spPr>
          <a:xfrm>
            <a:off x="9906000" y="521524"/>
            <a:ext cx="863600" cy="33855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2200" b="1" dirty="0">
                <a:solidFill>
                  <a:schemeClr val="bg1"/>
                </a:solidFill>
              </a:rPr>
              <a:t>2025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7D3F5018-F27C-4FF3-8199-E79AD509AD68}"/>
              </a:ext>
            </a:extLst>
          </p:cNvPr>
          <p:cNvSpPr txBox="1"/>
          <p:nvPr/>
        </p:nvSpPr>
        <p:spPr>
          <a:xfrm>
            <a:off x="1089529" y="2095949"/>
            <a:ext cx="2542903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2.1 Overgange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Dokumentation og livshistorie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Hjemmebesøg</a:t>
            </a:r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F5A480AC-236C-4461-BB15-EAF16DB55BB9}"/>
              </a:ext>
            </a:extLst>
          </p:cNvPr>
          <p:cNvSpPr txBox="1"/>
          <p:nvPr/>
        </p:nvSpPr>
        <p:spPr>
          <a:xfrm>
            <a:off x="1089529" y="1194712"/>
            <a:ext cx="2846049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1.1 Intro-kursus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Systematisk introduktion til nye medarbejdere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E94994DA-4EE5-4C10-8E1B-040577DA812A}"/>
              </a:ext>
            </a:extLst>
          </p:cNvPr>
          <p:cNvSpPr txBox="1"/>
          <p:nvPr/>
        </p:nvSpPr>
        <p:spPr>
          <a:xfrm>
            <a:off x="1079999" y="4254061"/>
            <a:ext cx="1920240" cy="233910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2.2 Sansestimulation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Sanseprofiler og screeningsredskaber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Afprøvning af konkrete sansestimuli i erhvervsfyrtårn Life Science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endParaRPr lang="da-DK" sz="1000" b="1" dirty="0"/>
          </a:p>
          <a:p>
            <a:pPr algn="l"/>
            <a:r>
              <a:rPr lang="da-DK" sz="1600" b="1" dirty="0"/>
              <a:t>1.3 Forebygge delir</a:t>
            </a:r>
          </a:p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da-DK" sz="1200" dirty="0"/>
              <a:t>Systematisk afdækning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endParaRPr lang="da-DK" sz="1000" b="1" dirty="0"/>
          </a:p>
          <a:p>
            <a:pPr algn="l"/>
            <a:endParaRPr lang="da-DK" sz="1600" b="1" dirty="0"/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A10870C1-7988-4CE5-BA6E-F6F982313B27}"/>
              </a:ext>
            </a:extLst>
          </p:cNvPr>
          <p:cNvSpPr txBox="1"/>
          <p:nvPr/>
        </p:nvSpPr>
        <p:spPr>
          <a:xfrm>
            <a:off x="1089530" y="2998818"/>
            <a:ext cx="2846049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1.2 Forebygge magtanvendelse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Værktøjskasse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Instrukser og §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Velfærdsteknologi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VISO</a:t>
            </a: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B4104FD5-91B6-4F9E-AF7D-03397BB39D7D}"/>
              </a:ext>
            </a:extLst>
          </p:cNvPr>
          <p:cNvSpPr txBox="1"/>
          <p:nvPr/>
        </p:nvSpPr>
        <p:spPr>
          <a:xfrm>
            <a:off x="5075092" y="2387157"/>
            <a:ext cx="2888248" cy="80021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1.4 Udviklingshæmning 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Systematisk samarbejde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Kompetenceudvikling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Screening</a:t>
            </a:r>
            <a:endParaRPr lang="da-DK" sz="1200" b="1" dirty="0"/>
          </a:p>
        </p:txBody>
      </p:sp>
      <p:sp>
        <p:nvSpPr>
          <p:cNvPr id="14" name="Tekstfelt 13">
            <a:extLst>
              <a:ext uri="{FF2B5EF4-FFF2-40B4-BE49-F238E27FC236}">
                <a16:creationId xmlns:a16="http://schemas.microsoft.com/office/drawing/2014/main" id="{1ED3A8A7-090E-459D-B79B-308109FA51DB}"/>
              </a:ext>
            </a:extLst>
          </p:cNvPr>
          <p:cNvSpPr txBox="1"/>
          <p:nvPr/>
        </p:nvSpPr>
        <p:spPr>
          <a:xfrm>
            <a:off x="5108647" y="3617436"/>
            <a:ext cx="2710423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2.3 Anti-psykotisk medicin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Individuel gennemgang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Audit</a:t>
            </a:r>
          </a:p>
        </p:txBody>
      </p:sp>
      <p:sp>
        <p:nvSpPr>
          <p:cNvPr id="15" name="Tekstfelt 14">
            <a:extLst>
              <a:ext uri="{FF2B5EF4-FFF2-40B4-BE49-F238E27FC236}">
                <a16:creationId xmlns:a16="http://schemas.microsoft.com/office/drawing/2014/main" id="{FB59BEC1-F88D-476E-802A-F0D60C23D4B7}"/>
              </a:ext>
            </a:extLst>
          </p:cNvPr>
          <p:cNvSpPr txBox="1"/>
          <p:nvPr/>
        </p:nvSpPr>
        <p:spPr>
          <a:xfrm>
            <a:off x="5075092" y="4692521"/>
            <a:ext cx="3213230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2.4 Meningsfulde aktiviteter </a:t>
            </a:r>
          </a:p>
          <a:p>
            <a:pPr marL="284400" indent="-284400" algn="l">
              <a:buFont typeface="Arial" panose="020B0604020202020204" pitchFamily="34" charset="0"/>
              <a:buChar char="•"/>
            </a:pPr>
            <a:r>
              <a:rPr lang="da-DK" sz="1200" dirty="0"/>
              <a:t>Systematisk anvendelse af socialpædagogiske redskaber</a:t>
            </a:r>
          </a:p>
          <a:p>
            <a:pPr marL="284400" indent="-284400" algn="l">
              <a:buFont typeface="Arial" panose="020B0604020202020204" pitchFamily="34" charset="0"/>
              <a:buChar char="•"/>
            </a:pPr>
            <a:r>
              <a:rPr lang="da-DK" sz="1200" dirty="0"/>
              <a:t>Evaluering af eksisterende aktivitetstilbud</a:t>
            </a:r>
          </a:p>
          <a:p>
            <a:pPr algn="l"/>
            <a:endParaRPr lang="da-DK" sz="1200" dirty="0"/>
          </a:p>
        </p:txBody>
      </p:sp>
      <p:sp>
        <p:nvSpPr>
          <p:cNvPr id="16" name="Tekstfelt 15">
            <a:extLst>
              <a:ext uri="{FF2B5EF4-FFF2-40B4-BE49-F238E27FC236}">
                <a16:creationId xmlns:a16="http://schemas.microsoft.com/office/drawing/2014/main" id="{499178E2-0C1C-419E-B290-126D2C8BE86D}"/>
              </a:ext>
            </a:extLst>
          </p:cNvPr>
          <p:cNvSpPr txBox="1"/>
          <p:nvPr/>
        </p:nvSpPr>
        <p:spPr>
          <a:xfrm>
            <a:off x="5075092" y="1192532"/>
            <a:ext cx="2600835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1.5 Kompetenceudvikling </a:t>
            </a:r>
          </a:p>
          <a:p>
            <a:pPr marL="284400" indent="-284400" algn="l">
              <a:buFont typeface="Arial" panose="020B0604020202020204" pitchFamily="34" charset="0"/>
              <a:buChar char="•"/>
            </a:pPr>
            <a:r>
              <a:rPr lang="da-DK" sz="1200" dirty="0">
                <a:latin typeface="Assistant Ofc"/>
                <a:ea typeface="Assistant Ofc"/>
              </a:rPr>
              <a:t>F</a:t>
            </a:r>
            <a:r>
              <a:rPr lang="da-DK" sz="1200" dirty="0">
                <a:effectLst/>
                <a:latin typeface="Assistant Ofc"/>
                <a:ea typeface="Assistant Ofc"/>
              </a:rPr>
              <a:t>ast tilrettelagt kompetenceudvikling på forskellige kompetenceniveauer </a:t>
            </a:r>
            <a:endParaRPr lang="da-DK" sz="1200" dirty="0"/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EF62F7B0-BAEF-4587-9942-D2AF52A475E0}"/>
              </a:ext>
            </a:extLst>
          </p:cNvPr>
          <p:cNvSpPr txBox="1"/>
          <p:nvPr/>
        </p:nvSpPr>
        <p:spPr>
          <a:xfrm>
            <a:off x="5075092" y="6071812"/>
            <a:ext cx="2777535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2.5 Uderum på Lillevang </a:t>
            </a:r>
          </a:p>
          <a:p>
            <a:pPr marL="284400" indent="-284400" algn="l">
              <a:buFont typeface="Arial" panose="020B0604020202020204" pitchFamily="34" charset="0"/>
              <a:buChar char="•"/>
            </a:pPr>
            <a:r>
              <a:rPr lang="da-DK" sz="1200" dirty="0"/>
              <a:t>Afdækning af muligheden for naturlig afgrænsning</a:t>
            </a:r>
          </a:p>
        </p:txBody>
      </p:sp>
      <p:sp>
        <p:nvSpPr>
          <p:cNvPr id="18" name="Tekstfelt 17">
            <a:extLst>
              <a:ext uri="{FF2B5EF4-FFF2-40B4-BE49-F238E27FC236}">
                <a16:creationId xmlns:a16="http://schemas.microsoft.com/office/drawing/2014/main" id="{2928F6DA-575D-4672-A5DC-5A957AC7D223}"/>
              </a:ext>
            </a:extLst>
          </p:cNvPr>
          <p:cNvSpPr txBox="1"/>
          <p:nvPr/>
        </p:nvSpPr>
        <p:spPr>
          <a:xfrm>
            <a:off x="9112169" y="2865131"/>
            <a:ext cx="2878934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3.1 Annoncering af kommunens tilbud</a:t>
            </a:r>
          </a:p>
          <a:p>
            <a:pPr marL="284400" indent="-284400" algn="l">
              <a:buFont typeface="Arial" panose="020B0604020202020204" pitchFamily="34" charset="0"/>
              <a:buChar char="•"/>
            </a:pPr>
            <a:r>
              <a:rPr lang="da-DK" sz="1200" dirty="0">
                <a:effectLst/>
                <a:latin typeface="Assistant Ofc"/>
                <a:ea typeface="Assistant Ofc"/>
              </a:rPr>
              <a:t>Afdækning af de konkrete behov hos pårørende og borgere </a:t>
            </a:r>
            <a:endParaRPr lang="da-DK" sz="1200" dirty="0"/>
          </a:p>
        </p:txBody>
      </p:sp>
      <p:sp>
        <p:nvSpPr>
          <p:cNvPr id="20" name="Tekstfelt 19">
            <a:extLst>
              <a:ext uri="{FF2B5EF4-FFF2-40B4-BE49-F238E27FC236}">
                <a16:creationId xmlns:a16="http://schemas.microsoft.com/office/drawing/2014/main" id="{047EA50D-1060-49E2-9EBF-F7DCAE834269}"/>
              </a:ext>
            </a:extLst>
          </p:cNvPr>
          <p:cNvSpPr txBox="1"/>
          <p:nvPr/>
        </p:nvSpPr>
        <p:spPr>
          <a:xfrm>
            <a:off x="9112169" y="1186742"/>
            <a:ext cx="2888248" cy="116955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2.6 Etablering af træningstilbud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200" dirty="0"/>
              <a:t>Anvendelse af </a:t>
            </a:r>
            <a:r>
              <a:rPr lang="da-DK" sz="1200" dirty="0" err="1"/>
              <a:t>SSTs</a:t>
            </a:r>
            <a:r>
              <a:rPr lang="da-DK" sz="1200" dirty="0"/>
              <a:t> træningsguid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200" dirty="0"/>
              <a:t>Systematisk afdækning af genoptræningspotentiale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200" dirty="0"/>
              <a:t>Tilpassede til hjemmeboende borgere med demens </a:t>
            </a:r>
          </a:p>
        </p:txBody>
      </p:sp>
      <p:sp>
        <p:nvSpPr>
          <p:cNvPr id="21" name="Tekstfelt 20">
            <a:extLst>
              <a:ext uri="{FF2B5EF4-FFF2-40B4-BE49-F238E27FC236}">
                <a16:creationId xmlns:a16="http://schemas.microsoft.com/office/drawing/2014/main" id="{5C74115D-BEC8-477E-AB86-69BC30C3B1F7}"/>
              </a:ext>
            </a:extLst>
          </p:cNvPr>
          <p:cNvSpPr txBox="1"/>
          <p:nvPr/>
        </p:nvSpPr>
        <p:spPr>
          <a:xfrm>
            <a:off x="9112169" y="3983703"/>
            <a:ext cx="2878934" cy="80021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3.2 Information til civilsamfun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200" dirty="0"/>
              <a:t>Partnerskab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200" dirty="0"/>
              <a:t>Oplysning om demenssygdomme og symptomer</a:t>
            </a:r>
          </a:p>
        </p:txBody>
      </p:sp>
      <p:pic>
        <p:nvPicPr>
          <p:cNvPr id="24" name="Billede 23">
            <a:extLst>
              <a:ext uri="{FF2B5EF4-FFF2-40B4-BE49-F238E27FC236}">
                <a16:creationId xmlns:a16="http://schemas.microsoft.com/office/drawing/2014/main" id="{01072014-C9AC-476D-826D-6F6E434DF5D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6569" y="2149299"/>
            <a:ext cx="507009" cy="506635"/>
          </a:xfrm>
          <a:prstGeom prst="rect">
            <a:avLst/>
          </a:prstGeom>
        </p:spPr>
      </p:pic>
      <p:pic>
        <p:nvPicPr>
          <p:cNvPr id="26" name="Billede 25">
            <a:extLst>
              <a:ext uri="{FF2B5EF4-FFF2-40B4-BE49-F238E27FC236}">
                <a16:creationId xmlns:a16="http://schemas.microsoft.com/office/drawing/2014/main" id="{67A1DC73-C191-4AFD-8D63-07FA415E2F7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41715" y="1075443"/>
            <a:ext cx="536719" cy="715625"/>
          </a:xfrm>
          <a:prstGeom prst="rect">
            <a:avLst/>
          </a:prstGeom>
        </p:spPr>
      </p:pic>
      <p:pic>
        <p:nvPicPr>
          <p:cNvPr id="27" name="Billede 26">
            <a:extLst>
              <a:ext uri="{FF2B5EF4-FFF2-40B4-BE49-F238E27FC236}">
                <a16:creationId xmlns:a16="http://schemas.microsoft.com/office/drawing/2014/main" id="{E07A455D-8848-4817-9303-8BC33F5A95E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343573" y="1023687"/>
            <a:ext cx="536719" cy="715625"/>
          </a:xfrm>
          <a:prstGeom prst="rect">
            <a:avLst/>
          </a:prstGeom>
        </p:spPr>
      </p:pic>
      <p:pic>
        <p:nvPicPr>
          <p:cNvPr id="29" name="Billede 28">
            <a:extLst>
              <a:ext uri="{FF2B5EF4-FFF2-40B4-BE49-F238E27FC236}">
                <a16:creationId xmlns:a16="http://schemas.microsoft.com/office/drawing/2014/main" id="{D55EDECF-42CF-4856-801A-40D2C199DEF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09268" y="3137725"/>
            <a:ext cx="582550" cy="582550"/>
          </a:xfrm>
          <a:prstGeom prst="rect">
            <a:avLst/>
          </a:prstGeom>
        </p:spPr>
      </p:pic>
      <p:pic>
        <p:nvPicPr>
          <p:cNvPr id="31" name="Billede 30">
            <a:extLst>
              <a:ext uri="{FF2B5EF4-FFF2-40B4-BE49-F238E27FC236}">
                <a16:creationId xmlns:a16="http://schemas.microsoft.com/office/drawing/2014/main" id="{3A348D0D-E16A-4452-BE7A-BE5D6539F1C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65405" y="4180231"/>
            <a:ext cx="470275" cy="504717"/>
          </a:xfrm>
          <a:prstGeom prst="rect">
            <a:avLst/>
          </a:prstGeom>
        </p:spPr>
      </p:pic>
      <p:pic>
        <p:nvPicPr>
          <p:cNvPr id="35" name="Billede 34">
            <a:extLst>
              <a:ext uri="{FF2B5EF4-FFF2-40B4-BE49-F238E27FC236}">
                <a16:creationId xmlns:a16="http://schemas.microsoft.com/office/drawing/2014/main" id="{D131D206-DF24-40CA-A697-D9B49B84729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14884" y="5043179"/>
            <a:ext cx="771315" cy="771315"/>
          </a:xfrm>
          <a:prstGeom prst="rect">
            <a:avLst/>
          </a:prstGeom>
        </p:spPr>
      </p:pic>
      <p:pic>
        <p:nvPicPr>
          <p:cNvPr id="37" name="Billede 36">
            <a:extLst>
              <a:ext uri="{FF2B5EF4-FFF2-40B4-BE49-F238E27FC236}">
                <a16:creationId xmlns:a16="http://schemas.microsoft.com/office/drawing/2014/main" id="{D27B33AA-7F67-47C6-945D-120F004CF39C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342797" y="2447111"/>
            <a:ext cx="528782" cy="528782"/>
          </a:xfrm>
          <a:prstGeom prst="rect">
            <a:avLst/>
          </a:prstGeom>
        </p:spPr>
      </p:pic>
      <p:pic>
        <p:nvPicPr>
          <p:cNvPr id="41" name="Billede 40">
            <a:extLst>
              <a:ext uri="{FF2B5EF4-FFF2-40B4-BE49-F238E27FC236}">
                <a16:creationId xmlns:a16="http://schemas.microsoft.com/office/drawing/2014/main" id="{CEC112CF-DB83-4330-AF21-C1DD63CEC58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292916" y="3647542"/>
            <a:ext cx="628544" cy="628544"/>
          </a:xfrm>
          <a:prstGeom prst="rect">
            <a:avLst/>
          </a:prstGeom>
        </p:spPr>
      </p:pic>
      <p:pic>
        <p:nvPicPr>
          <p:cNvPr id="43" name="Billede 42">
            <a:extLst>
              <a:ext uri="{FF2B5EF4-FFF2-40B4-BE49-F238E27FC236}">
                <a16:creationId xmlns:a16="http://schemas.microsoft.com/office/drawing/2014/main" id="{C7765A04-CABE-4728-B980-E6731611EE16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294517" y="4829727"/>
            <a:ext cx="630096" cy="630096"/>
          </a:xfrm>
          <a:prstGeom prst="rect">
            <a:avLst/>
          </a:prstGeom>
        </p:spPr>
      </p:pic>
      <p:pic>
        <p:nvPicPr>
          <p:cNvPr id="45" name="Billede 44">
            <a:extLst>
              <a:ext uri="{FF2B5EF4-FFF2-40B4-BE49-F238E27FC236}">
                <a16:creationId xmlns:a16="http://schemas.microsoft.com/office/drawing/2014/main" id="{BD38C9E8-3A40-4A40-ABCE-5C0853E15252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4384741" y="6013465"/>
            <a:ext cx="536719" cy="633773"/>
          </a:xfrm>
          <a:prstGeom prst="rect">
            <a:avLst/>
          </a:prstGeom>
        </p:spPr>
      </p:pic>
      <p:pic>
        <p:nvPicPr>
          <p:cNvPr id="47" name="Billede 46">
            <a:extLst>
              <a:ext uri="{FF2B5EF4-FFF2-40B4-BE49-F238E27FC236}">
                <a16:creationId xmlns:a16="http://schemas.microsoft.com/office/drawing/2014/main" id="{2F8A7369-C0F1-4D83-99D6-9B0CAF3DB8B2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8496113" y="2994766"/>
            <a:ext cx="409401" cy="430888"/>
          </a:xfrm>
          <a:prstGeom prst="rect">
            <a:avLst/>
          </a:prstGeom>
        </p:spPr>
      </p:pic>
      <p:pic>
        <p:nvPicPr>
          <p:cNvPr id="50" name="Billede 49">
            <a:extLst>
              <a:ext uri="{FF2B5EF4-FFF2-40B4-BE49-F238E27FC236}">
                <a16:creationId xmlns:a16="http://schemas.microsoft.com/office/drawing/2014/main" id="{D8994FB8-059B-4DA2-9E0F-01792F57D8AA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8378111" y="1414221"/>
            <a:ext cx="599183" cy="599183"/>
          </a:xfrm>
          <a:prstGeom prst="rect">
            <a:avLst/>
          </a:prstGeom>
        </p:spPr>
      </p:pic>
      <p:pic>
        <p:nvPicPr>
          <p:cNvPr id="51" name="Billede 50">
            <a:extLst>
              <a:ext uri="{FF2B5EF4-FFF2-40B4-BE49-F238E27FC236}">
                <a16:creationId xmlns:a16="http://schemas.microsoft.com/office/drawing/2014/main" id="{225FB6A5-63F9-4F6F-B7ED-B16C7D30D363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8496112" y="4092992"/>
            <a:ext cx="409401" cy="4308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89634355"/>
      </p:ext>
    </p:extLst>
  </p:cSld>
  <p:clrMapOvr>
    <a:masterClrMapping/>
  </p:clrMapOvr>
</p:sld>
</file>

<file path=ppt/theme/theme1.xml><?xml version="1.0" encoding="utf-8"?>
<a:theme xmlns:a="http://schemas.openxmlformats.org/drawingml/2006/main" name="Furesø Kommune">
  <a:themeElements>
    <a:clrScheme name="Furesø Kommune Blå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87B2DF"/>
      </a:accent1>
      <a:accent2>
        <a:srgbClr val="FFC076"/>
      </a:accent2>
      <a:accent3>
        <a:srgbClr val="D73B4C"/>
      </a:accent3>
      <a:accent4>
        <a:srgbClr val="5CC492"/>
      </a:accent4>
      <a:accent5>
        <a:srgbClr val="A72877"/>
      </a:accent5>
      <a:accent6>
        <a:srgbClr val="3F7287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3F7287"/>
        </a:solidFill>
        <a:ln>
          <a:solidFill>
            <a:srgbClr val="3F7287"/>
          </a:solidFill>
        </a:ln>
      </a:spPr>
      <a:bodyPr lIns="72000" tIns="36000" rIns="72000" bIns="36000" rtlCol="0" anchor="ctr"/>
      <a:lstStyle>
        <a:defPPr algn="ctr"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rgbClr val="3F7287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BaseTemplate 16-9 DK.potx" id="{EB32A1AD-9B90-4719-AE89-A4D31A28E73E}" vid="{071A415C-2378-45EC-9A83-548DE88CA857}"/>
    </a:ext>
  </a:extLst>
</a:theme>
</file>

<file path=ppt/theme/theme2.xml><?xml version="1.0" encoding="utf-8"?>
<a:theme xmlns:a="http://schemas.openxmlformats.org/drawingml/2006/main" name="Office-tema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006A8C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006A8C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TemplateConfiguration><![CDATA[{"slideVersion":0,"isValidatorEnabled":false,"isLocked":false,"elementsMetadata":[],"slideId":"637968541123336518","enableDocumentContentUpdater":true,"version":"1.14"}]]></TemplafySlideTemplateConfiguration>
</file>

<file path=customXml/item2.xml><?xml version="1.0" encoding="utf-8"?>
<TemplafyFormConfiguration><![CDATA[{"formFields":[{"dataSource":"PPFarver","displayColumn":"color","defaultValue":"1","hideIfNoUserInteractionRequired":false,"distinct":true,"required":true,"autoSelectFirstOption":false,"helpTexts":{"prefix":"","postfix":"Vælg det ønskede farvetema"},"spacing":{},"type":"dropDown","name":"Farver_PP","label":"Vælg farvetema","fullyQualifiedName":"Farver_PP"}],"formDataEntries":[{"name":"Farver_PP","value":"2J+rBgAIZjLWUbYsfTDgdw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76ceffcc-f7a2-4e05-8b19-ed945233be29","elementConfiguration":{"inheritDimensions":"inheritNone","width":"33.87 cm","binding":"Form.Farver_PP.BylinjePP","disableUpdates":false,"type":"image"}}],"transformationConfigurations":[{"language":"{{DocumentLanguage}}","disableUpdates":false,"type":"proofingLanguage"},{"colorTheme":"{{Form.Farver_PP.ThemeColor}}","originalColorThemeXml":"<a:clrScheme name=\"Furesø Kommune Blå\" xmlns:a=\"http://schemas.openxmlformats.org/drawingml/2006/main\"><a:dk1><a:sysClr val=\"windowText\" lastClr=\"000000\" /></a:dk1><a:lt1><a:sysClr val=\"window\" lastClr=\"FFFFFF\" /></a:lt1><a:dk2><a:srgbClr val=\"19324C\" /></a:dk2><a:lt2><a:srgbClr val=\"FEF2E2\" /></a:lt2><a:accent1><a:srgbClr val=\"87B2DF\" /></a:accent1><a:accent2><a:srgbClr val=\"FFC076\" /></a:accent2><a:accent3><a:srgbClr val=\"D73B4C\" /></a:accent3><a:accent4><a:srgbClr val=\"5CC492\" /></a:accent4><a:accent5><a:srgbClr val=\"A72877\" /></a:accent5><a:accent6><a:srgbClr val=\"3F7287\" /></a:accent6><a:hlink><a:srgbClr val=\"0563C1\" /></a:hlink><a:folHlink><a:srgbClr val=\"954F72\" /></a:folHlink></a:clrScheme>","disableUpdates":false,"type":"colorTheme"}],"templateName":"","templateDescription":"","enableDocumentContentUpdater":true,"version":"1.14"}]]></TemplafyTemplateConfiguration>
</file>

<file path=customXml/itemProps1.xml><?xml version="1.0" encoding="utf-8"?>
<ds:datastoreItem xmlns:ds="http://schemas.openxmlformats.org/officeDocument/2006/customXml" ds:itemID="{CA53E8DB-D3E2-4E30-8EF6-521F0E029DD6}">
  <ds:schemaRefs/>
</ds:datastoreItem>
</file>

<file path=customXml/itemProps2.xml><?xml version="1.0" encoding="utf-8"?>
<ds:datastoreItem xmlns:ds="http://schemas.openxmlformats.org/officeDocument/2006/customXml" ds:itemID="{63112FE1-F1B8-4F8F-970E-EC18B2D4824E}">
  <ds:schemaRefs/>
</ds:datastoreItem>
</file>

<file path=customXml/itemProps3.xml><?xml version="1.0" encoding="utf-8"?>
<ds:datastoreItem xmlns:ds="http://schemas.openxmlformats.org/officeDocument/2006/customXml" ds:itemID="{9B268ACD-2CB1-47DA-9D54-C00FEA067548}">
  <ds:schemaRefs/>
</ds:datastoreItem>
</file>

<file path=customXml/itemProps4.xml><?xml version="1.0" encoding="utf-8"?>
<ds:datastoreItem xmlns:ds="http://schemas.openxmlformats.org/officeDocument/2006/customXml" ds:itemID="{1C14A169-E734-4B36-A843-EB114D9D234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342</Words>
  <Application>Microsoft Office PowerPoint</Application>
  <PresentationFormat>Widescreen</PresentationFormat>
  <Paragraphs>89</Paragraphs>
  <Slides>4</Slides>
  <Notes>4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4</vt:i4>
      </vt:variant>
    </vt:vector>
  </HeadingPairs>
  <TitlesOfParts>
    <vt:vector size="10" baseType="lpstr">
      <vt:lpstr>Arial</vt:lpstr>
      <vt:lpstr>Montserrat SemiBold</vt:lpstr>
      <vt:lpstr>Montserrat ExtraBold</vt:lpstr>
      <vt:lpstr>Assistant Ofc</vt:lpstr>
      <vt:lpstr>Assistant</vt:lpstr>
      <vt:lpstr>Furesø Kommune</vt:lpstr>
      <vt:lpstr>Demenshandlingsplan 2023-2025</vt:lpstr>
      <vt:lpstr>Kerneværdier - og proces</vt:lpstr>
      <vt:lpstr>PowerPoint-præsentatio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1-28T06:42:18Z</dcterms:created>
  <dcterms:modified xsi:type="dcterms:W3CDTF">2023-03-29T07:51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omnidocs.com</vt:lpwstr>
  </property>
  <property fmtid="{D5CDD505-2E9C-101B-9397-08002B2CF9AE}" pid="3" name="TemplafyTenantId">
    <vt:lpwstr>furesoe</vt:lpwstr>
  </property>
  <property fmtid="{D5CDD505-2E9C-101B-9397-08002B2CF9AE}" pid="4" name="TemplafyTemplateId">
    <vt:lpwstr>637795713362575714</vt:lpwstr>
  </property>
  <property fmtid="{D5CDD505-2E9C-101B-9397-08002B2CF9AE}" pid="5" name="TemplafyUserProfileId">
    <vt:lpwstr>637867239540367600</vt:lpwstr>
  </property>
  <property fmtid="{D5CDD505-2E9C-101B-9397-08002B2CF9AE}" pid="6" name="TemplafyLanguageCode">
    <vt:lpwstr>da-DK</vt:lpwstr>
  </property>
</Properties>
</file>